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DG43" i="10"/>
  <c r="CQ43" i="10"/>
  <c r="CO43" i="10"/>
  <c r="BY43" i="10"/>
  <c r="BW43" i="10"/>
  <c r="BE43" i="10"/>
  <c r="AM43" i="10"/>
  <c r="U43" i="10"/>
  <c r="E43" i="10"/>
  <c r="C43" i="10"/>
  <c r="DG42" i="10"/>
  <c r="CQ42" i="10"/>
  <c r="CO42" i="10"/>
  <c r="BY42" i="10"/>
  <c r="BW42" i="10"/>
  <c r="BE42" i="10"/>
  <c r="AM42" i="10"/>
  <c r="U42" i="10"/>
  <c r="E42" i="10"/>
  <c r="C42" i="10"/>
  <c r="DG41" i="10"/>
  <c r="CQ41" i="10"/>
  <c r="CO41" i="10"/>
  <c r="BY41" i="10"/>
  <c r="BW41" i="10"/>
  <c r="BE41" i="10"/>
  <c r="AM41" i="10"/>
  <c r="U41" i="10"/>
  <c r="E41" i="10"/>
  <c r="C41" i="10"/>
  <c r="DG40" i="10"/>
  <c r="CQ40" i="10"/>
  <c r="CO40" i="10"/>
  <c r="BY40" i="10"/>
  <c r="BW40" i="10"/>
  <c r="BE40" i="10"/>
  <c r="AM40" i="10"/>
  <c r="U40" i="10"/>
  <c r="E40" i="10"/>
  <c r="C40" i="10"/>
  <c r="DG39" i="10"/>
  <c r="CQ39" i="10"/>
  <c r="CO39" i="10"/>
  <c r="BY39" i="10"/>
  <c r="BW39" i="10"/>
  <c r="BE39" i="10"/>
  <c r="AM39" i="10"/>
  <c r="U39" i="10"/>
  <c r="E39" i="10"/>
  <c r="C39" i="10"/>
  <c r="DG38" i="10"/>
  <c r="CQ38" i="10"/>
  <c r="CO38" i="10"/>
  <c r="BY38" i="10"/>
  <c r="BW38" i="10"/>
  <c r="BE38" i="10"/>
  <c r="AM38" i="10"/>
  <c r="U38" i="10"/>
  <c r="E38" i="10"/>
  <c r="C38" i="10"/>
  <c r="DG37" i="10"/>
  <c r="CQ37" i="10"/>
  <c r="CO37" i="10"/>
  <c r="BY37" i="10"/>
  <c r="BW37" i="10"/>
  <c r="BE37" i="10"/>
  <c r="AM37" i="10"/>
  <c r="U37" i="10"/>
  <c r="E37" i="10"/>
  <c r="C37" i="10"/>
  <c r="DG36" i="10"/>
  <c r="CQ36" i="10"/>
  <c r="CO36" i="10"/>
  <c r="BY36" i="10"/>
  <c r="BW36" i="10"/>
  <c r="BE36" i="10"/>
  <c r="AM36" i="10"/>
  <c r="W36" i="10"/>
  <c r="U36" i="10"/>
  <c r="E36" i="10"/>
  <c r="C36" i="10"/>
  <c r="DG35" i="10"/>
  <c r="CQ35" i="10"/>
  <c r="CO35" i="10"/>
  <c r="BY35" i="10"/>
  <c r="BW35" i="10"/>
  <c r="BE35" i="10"/>
  <c r="AO35" i="10"/>
  <c r="AM35" i="10"/>
  <c r="W35" i="10"/>
  <c r="U35" i="10"/>
  <c r="E35" i="10"/>
  <c r="C35" i="10"/>
  <c r="DG34" i="10"/>
  <c r="CQ34" i="10"/>
  <c r="CO34" i="10"/>
  <c r="BY34" i="10"/>
  <c r="BW34" i="10"/>
  <c r="BG34" i="10"/>
  <c r="BE34" i="10"/>
  <c r="AO34" i="10"/>
  <c r="AM34" i="10"/>
  <c r="W34" i="10"/>
  <c r="U34" i="10"/>
  <c r="E34" i="10"/>
  <c r="C34" i="10"/>
</calcChain>
</file>

<file path=xl/sharedStrings.xml><?xml version="1.0" encoding="utf-8"?>
<sst xmlns="http://schemas.openxmlformats.org/spreadsheetml/2006/main" count="1098" uniqueCount="60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Ⅲ－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昭島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昭島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宅地造成</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昭島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法適用企業</t>
    <phoneticPr fontId="5"/>
  </si>
  <si>
    <t>下水道事業会計</t>
    <phoneticPr fontId="5"/>
  </si>
  <si>
    <t>法適用企業</t>
    <phoneticPr fontId="5"/>
  </si>
  <si>
    <t>中神土地区画整理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t>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50</t>
  </si>
  <si>
    <t>▲ 6.79</t>
  </si>
  <si>
    <t>水道事業会計</t>
  </si>
  <si>
    <t>一般会計</t>
  </si>
  <si>
    <t>下水道事業会計</t>
  </si>
  <si>
    <t>介護保険特別会計</t>
  </si>
  <si>
    <t>国民健康保険特別会計</t>
  </si>
  <si>
    <t>後期高齢者医療特別会計</t>
  </si>
  <si>
    <t>中神土地区画整理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東京たま広域資源循環組合</t>
    <rPh sb="0" eb="2">
      <t>トウキョウ</t>
    </rPh>
    <rPh sb="4" eb="6">
      <t>コウイキ</t>
    </rPh>
    <rPh sb="6" eb="8">
      <t>シゲン</t>
    </rPh>
    <rPh sb="8" eb="10">
      <t>ジュンカン</t>
    </rPh>
    <rPh sb="10" eb="12">
      <t>クミアイ</t>
    </rPh>
    <phoneticPr fontId="2"/>
  </si>
  <si>
    <t>東京都十一市競輪事業組合</t>
    <rPh sb="0" eb="3">
      <t>トウキョウト</t>
    </rPh>
    <rPh sb="3" eb="5">
      <t>１１</t>
    </rPh>
    <rPh sb="5" eb="6">
      <t>シ</t>
    </rPh>
    <rPh sb="6" eb="8">
      <t>ケイリン</t>
    </rPh>
    <rPh sb="8" eb="10">
      <t>ジギョウ</t>
    </rPh>
    <rPh sb="10" eb="12">
      <t>クミアイ</t>
    </rPh>
    <phoneticPr fontId="2"/>
  </si>
  <si>
    <t>東京都六市競艇事業組合</t>
    <rPh sb="0" eb="3">
      <t>トウキョウト</t>
    </rPh>
    <rPh sb="3" eb="4">
      <t>６</t>
    </rPh>
    <rPh sb="4" eb="5">
      <t>シ</t>
    </rPh>
    <rPh sb="5" eb="7">
      <t>キョウテイ</t>
    </rPh>
    <rPh sb="7" eb="9">
      <t>ジギョウ</t>
    </rPh>
    <rPh sb="9" eb="11">
      <t>クミア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交通災害共済事業特別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ギョウ</t>
    </rPh>
    <rPh sb="20" eb="22">
      <t>トクベツ</t>
    </rPh>
    <rPh sb="22" eb="24">
      <t>カイケイ</t>
    </rPh>
    <phoneticPr fontId="2"/>
  </si>
  <si>
    <t>立川・昭島・国立聖苑組合</t>
    <rPh sb="0" eb="2">
      <t>タチカワ</t>
    </rPh>
    <rPh sb="3" eb="5">
      <t>アキシマ</t>
    </rPh>
    <rPh sb="6" eb="8">
      <t>クニタチ</t>
    </rPh>
    <rPh sb="8" eb="10">
      <t>セイエン</t>
    </rPh>
    <rPh sb="10" eb="12">
      <t>クミアイ</t>
    </rPh>
    <phoneticPr fontId="2"/>
  </si>
  <si>
    <t>東京都後期高齢者医療広域連合（一般会計）</t>
    <rPh sb="0" eb="3">
      <t>トウキョウト</t>
    </rPh>
    <rPh sb="3" eb="5">
      <t>コウキ</t>
    </rPh>
    <rPh sb="5" eb="8">
      <t>コウレイシャ</t>
    </rPh>
    <rPh sb="8" eb="10">
      <t>イリョウ</t>
    </rPh>
    <rPh sb="10" eb="12">
      <t>コウイキ</t>
    </rPh>
    <rPh sb="12" eb="14">
      <t>レンゴウ</t>
    </rPh>
    <rPh sb="15" eb="17">
      <t>イッパン</t>
    </rPh>
    <rPh sb="17" eb="19">
      <t>カイケイ</t>
    </rPh>
    <phoneticPr fontId="2"/>
  </si>
  <si>
    <t>東京都後期高齢者医療広域連合（後期高齢者医療特別会計）</t>
    <rPh sb="0" eb="3">
      <t>トウキョウト</t>
    </rPh>
    <rPh sb="3" eb="5">
      <t>コウキ</t>
    </rPh>
    <rPh sb="5" eb="8">
      <t>コウレイ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2"/>
  </si>
  <si>
    <t>〇</t>
    <phoneticPr fontId="2"/>
  </si>
  <si>
    <t>昭島市土地開発公社</t>
    <rPh sb="0" eb="3">
      <t>アキシマシ</t>
    </rPh>
    <rPh sb="3" eb="7">
      <t>トチカイハツ</t>
    </rPh>
    <rPh sb="7" eb="9">
      <t>コウシャ</t>
    </rPh>
    <phoneticPr fontId="2"/>
  </si>
  <si>
    <t>-</t>
    <phoneticPr fontId="2"/>
  </si>
  <si>
    <t>公共施設整備等資金積立基金</t>
    <rPh sb="0" eb="2">
      <t>コウキョウ</t>
    </rPh>
    <rPh sb="2" eb="4">
      <t>シセツ</t>
    </rPh>
    <rPh sb="4" eb="6">
      <t>セイビ</t>
    </rPh>
    <rPh sb="6" eb="7">
      <t>トウ</t>
    </rPh>
    <rPh sb="7" eb="9">
      <t>シキン</t>
    </rPh>
    <rPh sb="9" eb="11">
      <t>ツミタテ</t>
    </rPh>
    <rPh sb="11" eb="13">
      <t>キキン</t>
    </rPh>
    <phoneticPr fontId="5"/>
  </si>
  <si>
    <t>特定防衛施設周辺整備調整交付金事業基金</t>
    <rPh sb="0" eb="15">
      <t>トクテイボウエイシセツシュウヘンセイビチョウセイコウフキン</t>
    </rPh>
    <rPh sb="15" eb="17">
      <t>ジギョウ</t>
    </rPh>
    <rPh sb="17" eb="19">
      <t>キキン</t>
    </rPh>
    <phoneticPr fontId="2"/>
  </si>
  <si>
    <t>職員退職手当資金積立基金</t>
    <rPh sb="0" eb="2">
      <t>ショクイン</t>
    </rPh>
    <rPh sb="2" eb="6">
      <t>タイショクテアテ</t>
    </rPh>
    <rPh sb="6" eb="8">
      <t>シキン</t>
    </rPh>
    <rPh sb="8" eb="12">
      <t>ツミタテキキン</t>
    </rPh>
    <phoneticPr fontId="2"/>
  </si>
  <si>
    <t>緑化推進基金</t>
    <rPh sb="0" eb="2">
      <t>リョクカ</t>
    </rPh>
    <rPh sb="2" eb="4">
      <t>スイシン</t>
    </rPh>
    <rPh sb="4" eb="6">
      <t>キキン</t>
    </rPh>
    <phoneticPr fontId="2"/>
  </si>
  <si>
    <t>田中孝奨学基金</t>
    <rPh sb="0" eb="3">
      <t>タナカタカシ</t>
    </rPh>
    <rPh sb="3" eb="5">
      <t>ショウガク</t>
    </rPh>
    <rPh sb="5" eb="7">
      <t>キキン</t>
    </rPh>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3" xfId="12" applyNumberFormat="1" applyFont="1" applyBorder="1" applyAlignment="1" applyProtection="1">
      <alignment horizontal="right" vertical="center" shrinkToFit="1"/>
      <protection locked="0"/>
    </xf>
    <xf numFmtId="177" fontId="34" fillId="0" borderId="99" xfId="12" applyNumberFormat="1" applyFont="1" applyBorder="1" applyAlignment="1" applyProtection="1">
      <alignment horizontal="right" vertical="center" shrinkToFit="1"/>
      <protection locked="0"/>
    </xf>
    <xf numFmtId="177" fontId="34" fillId="0" borderId="107"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98"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3226</c:v>
                </c:pt>
                <c:pt idx="1">
                  <c:v>42836</c:v>
                </c:pt>
                <c:pt idx="2">
                  <c:v>44161</c:v>
                </c:pt>
                <c:pt idx="3">
                  <c:v>43955</c:v>
                </c:pt>
                <c:pt idx="4">
                  <c:v>41921</c:v>
                </c:pt>
              </c:numCache>
            </c:numRef>
          </c:val>
          <c:smooth val="0"/>
          <c:extLst>
            <c:ext xmlns:c16="http://schemas.microsoft.com/office/drawing/2014/chart" uri="{C3380CC4-5D6E-409C-BE32-E72D297353CC}">
              <c16:uniqueId val="{00000000-39D4-45D1-8E6C-CC2FE916DD9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8629</c:v>
                </c:pt>
                <c:pt idx="1">
                  <c:v>48391</c:v>
                </c:pt>
                <c:pt idx="2">
                  <c:v>20287</c:v>
                </c:pt>
                <c:pt idx="3">
                  <c:v>22876</c:v>
                </c:pt>
                <c:pt idx="4">
                  <c:v>26480</c:v>
                </c:pt>
              </c:numCache>
            </c:numRef>
          </c:val>
          <c:smooth val="0"/>
          <c:extLst>
            <c:ext xmlns:c16="http://schemas.microsoft.com/office/drawing/2014/chart" uri="{C3380CC4-5D6E-409C-BE32-E72D297353CC}">
              <c16:uniqueId val="{00000001-39D4-45D1-8E6C-CC2FE916DD93}"/>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8.8800000000000008</c:v>
                </c:pt>
                <c:pt idx="1">
                  <c:v>6.09</c:v>
                </c:pt>
                <c:pt idx="2">
                  <c:v>7.2</c:v>
                </c:pt>
                <c:pt idx="3">
                  <c:v>14.09</c:v>
                </c:pt>
                <c:pt idx="4">
                  <c:v>10.35</c:v>
                </c:pt>
              </c:numCache>
            </c:numRef>
          </c:val>
          <c:extLst>
            <c:ext xmlns:c16="http://schemas.microsoft.com/office/drawing/2014/chart" uri="{C3380CC4-5D6E-409C-BE32-E72D297353CC}">
              <c16:uniqueId val="{00000000-8A51-4863-9660-EF2C1BFA9F4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1.63</c:v>
                </c:pt>
                <c:pt idx="1">
                  <c:v>23.75</c:v>
                </c:pt>
                <c:pt idx="2">
                  <c:v>26.61</c:v>
                </c:pt>
                <c:pt idx="3">
                  <c:v>37.200000000000003</c:v>
                </c:pt>
                <c:pt idx="4">
                  <c:v>34.18</c:v>
                </c:pt>
              </c:numCache>
            </c:numRef>
          </c:val>
          <c:extLst>
            <c:ext xmlns:c16="http://schemas.microsoft.com/office/drawing/2014/chart" uri="{C3380CC4-5D6E-409C-BE32-E72D297353CC}">
              <c16:uniqueId val="{00000001-8A51-4863-9660-EF2C1BFA9F40}"/>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6.7</c:v>
                </c:pt>
                <c:pt idx="1">
                  <c:v>-0.5</c:v>
                </c:pt>
                <c:pt idx="2">
                  <c:v>4.37</c:v>
                </c:pt>
                <c:pt idx="3">
                  <c:v>19.03</c:v>
                </c:pt>
                <c:pt idx="4">
                  <c:v>-6.79</c:v>
                </c:pt>
              </c:numCache>
            </c:numRef>
          </c:val>
          <c:smooth val="0"/>
          <c:extLst>
            <c:ext xmlns:c16="http://schemas.microsoft.com/office/drawing/2014/chart" uri="{C3380CC4-5D6E-409C-BE32-E72D297353CC}">
              <c16:uniqueId val="{00000002-8A51-4863-9660-EF2C1BFA9F40}"/>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1.1499999999999999</c:v>
                </c:pt>
                <c:pt idx="2">
                  <c:v>#N/A</c:v>
                </c:pt>
                <c:pt idx="3">
                  <c:v>0.97</c:v>
                </c:pt>
                <c:pt idx="4">
                  <c:v>0</c:v>
                </c:pt>
                <c:pt idx="5">
                  <c:v>0</c:v>
                </c:pt>
                <c:pt idx="6">
                  <c:v>0</c:v>
                </c:pt>
                <c:pt idx="7">
                  <c:v>0</c:v>
                </c:pt>
                <c:pt idx="8">
                  <c:v>0</c:v>
                </c:pt>
                <c:pt idx="9">
                  <c:v>0</c:v>
                </c:pt>
              </c:numCache>
            </c:numRef>
          </c:val>
          <c:extLst>
            <c:ext xmlns:c16="http://schemas.microsoft.com/office/drawing/2014/chart" uri="{C3380CC4-5D6E-409C-BE32-E72D297353CC}">
              <c16:uniqueId val="{00000000-A7AF-4B42-A662-B00ECC0C7E2B}"/>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A7AF-4B42-A662-B00ECC0C7E2B}"/>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A7AF-4B42-A662-B00ECC0C7E2B}"/>
            </c:ext>
          </c:extLst>
        </c:ser>
        <c:ser>
          <c:idx val="3"/>
          <c:order val="3"/>
          <c:tx>
            <c:strRef>
              <c:f>データシート!$A$30</c:f>
              <c:strCache>
                <c:ptCount val="1"/>
                <c:pt idx="0">
                  <c:v>中神土地区画整理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21</c:v>
                </c:pt>
                <c:pt idx="2">
                  <c:v>#N/A</c:v>
                </c:pt>
                <c:pt idx="3">
                  <c:v>0.21</c:v>
                </c:pt>
                <c:pt idx="4">
                  <c:v>#N/A</c:v>
                </c:pt>
                <c:pt idx="5">
                  <c:v>0.14000000000000001</c:v>
                </c:pt>
                <c:pt idx="6">
                  <c:v>#N/A</c:v>
                </c:pt>
                <c:pt idx="7">
                  <c:v>0.25</c:v>
                </c:pt>
                <c:pt idx="8">
                  <c:v>#N/A</c:v>
                </c:pt>
                <c:pt idx="9">
                  <c:v>0.21</c:v>
                </c:pt>
              </c:numCache>
            </c:numRef>
          </c:val>
          <c:extLst>
            <c:ext xmlns:c16="http://schemas.microsoft.com/office/drawing/2014/chart" uri="{C3380CC4-5D6E-409C-BE32-E72D297353CC}">
              <c16:uniqueId val="{00000003-A7AF-4B42-A662-B00ECC0C7E2B}"/>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15</c:v>
                </c:pt>
                <c:pt idx="2">
                  <c:v>#N/A</c:v>
                </c:pt>
                <c:pt idx="3">
                  <c:v>0.12</c:v>
                </c:pt>
                <c:pt idx="4">
                  <c:v>#N/A</c:v>
                </c:pt>
                <c:pt idx="5">
                  <c:v>0.13</c:v>
                </c:pt>
                <c:pt idx="6">
                  <c:v>#N/A</c:v>
                </c:pt>
                <c:pt idx="7">
                  <c:v>0.26</c:v>
                </c:pt>
                <c:pt idx="8">
                  <c:v>#N/A</c:v>
                </c:pt>
                <c:pt idx="9">
                  <c:v>0.24</c:v>
                </c:pt>
              </c:numCache>
            </c:numRef>
          </c:val>
          <c:extLst>
            <c:ext xmlns:c16="http://schemas.microsoft.com/office/drawing/2014/chart" uri="{C3380CC4-5D6E-409C-BE32-E72D297353CC}">
              <c16:uniqueId val="{00000004-A7AF-4B42-A662-B00ECC0C7E2B}"/>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1.52</c:v>
                </c:pt>
                <c:pt idx="2">
                  <c:v>#N/A</c:v>
                </c:pt>
                <c:pt idx="3">
                  <c:v>1.04</c:v>
                </c:pt>
                <c:pt idx="4">
                  <c:v>#N/A</c:v>
                </c:pt>
                <c:pt idx="5">
                  <c:v>1.4</c:v>
                </c:pt>
                <c:pt idx="6">
                  <c:v>#N/A</c:v>
                </c:pt>
                <c:pt idx="7">
                  <c:v>1.22</c:v>
                </c:pt>
                <c:pt idx="8">
                  <c:v>#N/A</c:v>
                </c:pt>
                <c:pt idx="9">
                  <c:v>1.2</c:v>
                </c:pt>
              </c:numCache>
            </c:numRef>
          </c:val>
          <c:extLst>
            <c:ext xmlns:c16="http://schemas.microsoft.com/office/drawing/2014/chart" uri="{C3380CC4-5D6E-409C-BE32-E72D297353CC}">
              <c16:uniqueId val="{00000005-A7AF-4B42-A662-B00ECC0C7E2B}"/>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75</c:v>
                </c:pt>
                <c:pt idx="2">
                  <c:v>#N/A</c:v>
                </c:pt>
                <c:pt idx="3">
                  <c:v>0.81</c:v>
                </c:pt>
                <c:pt idx="4">
                  <c:v>#N/A</c:v>
                </c:pt>
                <c:pt idx="5">
                  <c:v>1.46</c:v>
                </c:pt>
                <c:pt idx="6">
                  <c:v>#N/A</c:v>
                </c:pt>
                <c:pt idx="7">
                  <c:v>1.23</c:v>
                </c:pt>
                <c:pt idx="8">
                  <c:v>#N/A</c:v>
                </c:pt>
                <c:pt idx="9">
                  <c:v>1.59</c:v>
                </c:pt>
              </c:numCache>
            </c:numRef>
          </c:val>
          <c:extLst>
            <c:ext xmlns:c16="http://schemas.microsoft.com/office/drawing/2014/chart" uri="{C3380CC4-5D6E-409C-BE32-E72D297353CC}">
              <c16:uniqueId val="{00000006-A7AF-4B42-A662-B00ECC0C7E2B}"/>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0</c:v>
                </c:pt>
                <c:pt idx="3">
                  <c:v>0</c:v>
                </c:pt>
                <c:pt idx="4">
                  <c:v>#N/A</c:v>
                </c:pt>
                <c:pt idx="5">
                  <c:v>2.81</c:v>
                </c:pt>
                <c:pt idx="6">
                  <c:v>#N/A</c:v>
                </c:pt>
                <c:pt idx="7">
                  <c:v>3.73</c:v>
                </c:pt>
                <c:pt idx="8">
                  <c:v>#N/A</c:v>
                </c:pt>
                <c:pt idx="9">
                  <c:v>4.49</c:v>
                </c:pt>
              </c:numCache>
            </c:numRef>
          </c:val>
          <c:extLst>
            <c:ext xmlns:c16="http://schemas.microsoft.com/office/drawing/2014/chart" uri="{C3380CC4-5D6E-409C-BE32-E72D297353CC}">
              <c16:uniqueId val="{00000007-A7AF-4B42-A662-B00ECC0C7E2B}"/>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8.8699999999999992</c:v>
                </c:pt>
                <c:pt idx="2">
                  <c:v>#N/A</c:v>
                </c:pt>
                <c:pt idx="3">
                  <c:v>6.09</c:v>
                </c:pt>
                <c:pt idx="4">
                  <c:v>#N/A</c:v>
                </c:pt>
                <c:pt idx="5">
                  <c:v>7.19</c:v>
                </c:pt>
                <c:pt idx="6">
                  <c:v>#N/A</c:v>
                </c:pt>
                <c:pt idx="7">
                  <c:v>14.08</c:v>
                </c:pt>
                <c:pt idx="8">
                  <c:v>#N/A</c:v>
                </c:pt>
                <c:pt idx="9">
                  <c:v>10.34</c:v>
                </c:pt>
              </c:numCache>
            </c:numRef>
          </c:val>
          <c:extLst>
            <c:ext xmlns:c16="http://schemas.microsoft.com/office/drawing/2014/chart" uri="{C3380CC4-5D6E-409C-BE32-E72D297353CC}">
              <c16:uniqueId val="{00000008-A7AF-4B42-A662-B00ECC0C7E2B}"/>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0.75</c:v>
                </c:pt>
                <c:pt idx="2">
                  <c:v>#N/A</c:v>
                </c:pt>
                <c:pt idx="3">
                  <c:v>13.17</c:v>
                </c:pt>
                <c:pt idx="4">
                  <c:v>#N/A</c:v>
                </c:pt>
                <c:pt idx="5">
                  <c:v>12.27</c:v>
                </c:pt>
                <c:pt idx="6">
                  <c:v>#N/A</c:v>
                </c:pt>
                <c:pt idx="7">
                  <c:v>13.08</c:v>
                </c:pt>
                <c:pt idx="8">
                  <c:v>#N/A</c:v>
                </c:pt>
                <c:pt idx="9">
                  <c:v>14.37</c:v>
                </c:pt>
              </c:numCache>
            </c:numRef>
          </c:val>
          <c:extLst>
            <c:ext xmlns:c16="http://schemas.microsoft.com/office/drawing/2014/chart" uri="{C3380CC4-5D6E-409C-BE32-E72D297353CC}">
              <c16:uniqueId val="{00000009-A7AF-4B42-A662-B00ECC0C7E2B}"/>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573</c:v>
                </c:pt>
                <c:pt idx="5">
                  <c:v>2485</c:v>
                </c:pt>
                <c:pt idx="8">
                  <c:v>2391</c:v>
                </c:pt>
                <c:pt idx="11">
                  <c:v>2320</c:v>
                </c:pt>
                <c:pt idx="14">
                  <c:v>2187</c:v>
                </c:pt>
              </c:numCache>
            </c:numRef>
          </c:val>
          <c:extLst>
            <c:ext xmlns:c16="http://schemas.microsoft.com/office/drawing/2014/chart" uri="{C3380CC4-5D6E-409C-BE32-E72D297353CC}">
              <c16:uniqueId val="{00000000-9D52-4A33-8851-4DDF80E9DAD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9D52-4A33-8851-4DDF80E9DAD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8</c:v>
                </c:pt>
                <c:pt idx="3">
                  <c:v>8</c:v>
                </c:pt>
                <c:pt idx="6">
                  <c:v>8</c:v>
                </c:pt>
                <c:pt idx="9">
                  <c:v>8</c:v>
                </c:pt>
                <c:pt idx="12">
                  <c:v>0</c:v>
                </c:pt>
              </c:numCache>
            </c:numRef>
          </c:val>
          <c:extLst>
            <c:ext xmlns:c16="http://schemas.microsoft.com/office/drawing/2014/chart" uri="{C3380CC4-5D6E-409C-BE32-E72D297353CC}">
              <c16:uniqueId val="{00000002-9D52-4A33-8851-4DDF80E9DAD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50</c:v>
                </c:pt>
                <c:pt idx="3">
                  <c:v>34</c:v>
                </c:pt>
                <c:pt idx="6">
                  <c:v>14</c:v>
                </c:pt>
                <c:pt idx="9">
                  <c:v>1</c:v>
                </c:pt>
                <c:pt idx="12">
                  <c:v>1</c:v>
                </c:pt>
              </c:numCache>
            </c:numRef>
          </c:val>
          <c:extLst>
            <c:ext xmlns:c16="http://schemas.microsoft.com/office/drawing/2014/chart" uri="{C3380CC4-5D6E-409C-BE32-E72D297353CC}">
              <c16:uniqueId val="{00000003-9D52-4A33-8851-4DDF80E9DAD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424</c:v>
                </c:pt>
                <c:pt idx="3">
                  <c:v>437</c:v>
                </c:pt>
                <c:pt idx="6">
                  <c:v>399</c:v>
                </c:pt>
                <c:pt idx="9">
                  <c:v>372</c:v>
                </c:pt>
                <c:pt idx="12">
                  <c:v>348</c:v>
                </c:pt>
              </c:numCache>
            </c:numRef>
          </c:val>
          <c:extLst>
            <c:ext xmlns:c16="http://schemas.microsoft.com/office/drawing/2014/chart" uri="{C3380CC4-5D6E-409C-BE32-E72D297353CC}">
              <c16:uniqueId val="{00000004-9D52-4A33-8851-4DDF80E9DAD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D52-4A33-8851-4DDF80E9DAD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9D52-4A33-8851-4DDF80E9DAD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179</c:v>
                </c:pt>
                <c:pt idx="3">
                  <c:v>2125</c:v>
                </c:pt>
                <c:pt idx="6">
                  <c:v>2075</c:v>
                </c:pt>
                <c:pt idx="9">
                  <c:v>1961</c:v>
                </c:pt>
                <c:pt idx="12">
                  <c:v>1909</c:v>
                </c:pt>
              </c:numCache>
            </c:numRef>
          </c:val>
          <c:extLst>
            <c:ext xmlns:c16="http://schemas.microsoft.com/office/drawing/2014/chart" uri="{C3380CC4-5D6E-409C-BE32-E72D297353CC}">
              <c16:uniqueId val="{00000007-9D52-4A33-8851-4DDF80E9DAD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88</c:v>
                </c:pt>
                <c:pt idx="2">
                  <c:v>#N/A</c:v>
                </c:pt>
                <c:pt idx="3">
                  <c:v>#N/A</c:v>
                </c:pt>
                <c:pt idx="4">
                  <c:v>119</c:v>
                </c:pt>
                <c:pt idx="5">
                  <c:v>#N/A</c:v>
                </c:pt>
                <c:pt idx="6">
                  <c:v>#N/A</c:v>
                </c:pt>
                <c:pt idx="7">
                  <c:v>105</c:v>
                </c:pt>
                <c:pt idx="8">
                  <c:v>#N/A</c:v>
                </c:pt>
                <c:pt idx="9">
                  <c:v>#N/A</c:v>
                </c:pt>
                <c:pt idx="10">
                  <c:v>22</c:v>
                </c:pt>
                <c:pt idx="11">
                  <c:v>#N/A</c:v>
                </c:pt>
                <c:pt idx="12">
                  <c:v>#N/A</c:v>
                </c:pt>
                <c:pt idx="13">
                  <c:v>71</c:v>
                </c:pt>
                <c:pt idx="14">
                  <c:v>#N/A</c:v>
                </c:pt>
              </c:numCache>
            </c:numRef>
          </c:val>
          <c:smooth val="0"/>
          <c:extLst>
            <c:ext xmlns:c16="http://schemas.microsoft.com/office/drawing/2014/chart" uri="{C3380CC4-5D6E-409C-BE32-E72D297353CC}">
              <c16:uniqueId val="{00000008-9D52-4A33-8851-4DDF80E9DAD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6332</c:v>
                </c:pt>
                <c:pt idx="5">
                  <c:v>15399</c:v>
                </c:pt>
                <c:pt idx="8">
                  <c:v>14539</c:v>
                </c:pt>
                <c:pt idx="11">
                  <c:v>14059</c:v>
                </c:pt>
                <c:pt idx="14">
                  <c:v>12744</c:v>
                </c:pt>
              </c:numCache>
            </c:numRef>
          </c:val>
          <c:extLst>
            <c:ext xmlns:c16="http://schemas.microsoft.com/office/drawing/2014/chart" uri="{C3380CC4-5D6E-409C-BE32-E72D297353CC}">
              <c16:uniqueId val="{00000000-1849-4EB3-8FE7-FE458A7A4A1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6332</c:v>
                </c:pt>
                <c:pt idx="5">
                  <c:v>6044</c:v>
                </c:pt>
                <c:pt idx="8">
                  <c:v>5990</c:v>
                </c:pt>
                <c:pt idx="11">
                  <c:v>5788</c:v>
                </c:pt>
                <c:pt idx="14">
                  <c:v>4309</c:v>
                </c:pt>
              </c:numCache>
            </c:numRef>
          </c:val>
          <c:extLst>
            <c:ext xmlns:c16="http://schemas.microsoft.com/office/drawing/2014/chart" uri="{C3380CC4-5D6E-409C-BE32-E72D297353CC}">
              <c16:uniqueId val="{00000001-1849-4EB3-8FE7-FE458A7A4A1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1549</c:v>
                </c:pt>
                <c:pt idx="5">
                  <c:v>12820</c:v>
                </c:pt>
                <c:pt idx="8">
                  <c:v>13523</c:v>
                </c:pt>
                <c:pt idx="11">
                  <c:v>16576</c:v>
                </c:pt>
                <c:pt idx="14">
                  <c:v>17047</c:v>
                </c:pt>
              </c:numCache>
            </c:numRef>
          </c:val>
          <c:extLst>
            <c:ext xmlns:c16="http://schemas.microsoft.com/office/drawing/2014/chart" uri="{C3380CC4-5D6E-409C-BE32-E72D297353CC}">
              <c16:uniqueId val="{00000002-1849-4EB3-8FE7-FE458A7A4A1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1849-4EB3-8FE7-FE458A7A4A1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1849-4EB3-8FE7-FE458A7A4A1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849-4EB3-8FE7-FE458A7A4A1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5468</c:v>
                </c:pt>
                <c:pt idx="3">
                  <c:v>5312</c:v>
                </c:pt>
                <c:pt idx="6">
                  <c:v>5067</c:v>
                </c:pt>
                <c:pt idx="9">
                  <c:v>4983</c:v>
                </c:pt>
                <c:pt idx="12">
                  <c:v>4881</c:v>
                </c:pt>
              </c:numCache>
            </c:numRef>
          </c:val>
          <c:extLst>
            <c:ext xmlns:c16="http://schemas.microsoft.com/office/drawing/2014/chart" uri="{C3380CC4-5D6E-409C-BE32-E72D297353CC}">
              <c16:uniqueId val="{00000006-1849-4EB3-8FE7-FE458A7A4A1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59</c:v>
                </c:pt>
                <c:pt idx="3">
                  <c:v>22</c:v>
                </c:pt>
                <c:pt idx="6">
                  <c:v>7</c:v>
                </c:pt>
                <c:pt idx="9">
                  <c:v>6</c:v>
                </c:pt>
                <c:pt idx="12">
                  <c:v>5</c:v>
                </c:pt>
              </c:numCache>
            </c:numRef>
          </c:val>
          <c:extLst>
            <c:ext xmlns:c16="http://schemas.microsoft.com/office/drawing/2014/chart" uri="{C3380CC4-5D6E-409C-BE32-E72D297353CC}">
              <c16:uniqueId val="{00000007-1849-4EB3-8FE7-FE458A7A4A1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3148</c:v>
                </c:pt>
                <c:pt idx="3">
                  <c:v>3117</c:v>
                </c:pt>
                <c:pt idx="6">
                  <c:v>2877</c:v>
                </c:pt>
                <c:pt idx="9">
                  <c:v>2639</c:v>
                </c:pt>
                <c:pt idx="12">
                  <c:v>1914</c:v>
                </c:pt>
              </c:numCache>
            </c:numRef>
          </c:val>
          <c:extLst>
            <c:ext xmlns:c16="http://schemas.microsoft.com/office/drawing/2014/chart" uri="{C3380CC4-5D6E-409C-BE32-E72D297353CC}">
              <c16:uniqueId val="{00000008-1849-4EB3-8FE7-FE458A7A4A1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24</c:v>
                </c:pt>
                <c:pt idx="3">
                  <c:v>16</c:v>
                </c:pt>
                <c:pt idx="6">
                  <c:v>8</c:v>
                </c:pt>
                <c:pt idx="9">
                  <c:v>0</c:v>
                </c:pt>
                <c:pt idx="12">
                  <c:v>129</c:v>
                </c:pt>
              </c:numCache>
            </c:numRef>
          </c:val>
          <c:extLst>
            <c:ext xmlns:c16="http://schemas.microsoft.com/office/drawing/2014/chart" uri="{C3380CC4-5D6E-409C-BE32-E72D297353CC}">
              <c16:uniqueId val="{00000009-1849-4EB3-8FE7-FE458A7A4A1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0288</c:v>
                </c:pt>
                <c:pt idx="3">
                  <c:v>19601</c:v>
                </c:pt>
                <c:pt idx="6">
                  <c:v>18551</c:v>
                </c:pt>
                <c:pt idx="9">
                  <c:v>18031</c:v>
                </c:pt>
                <c:pt idx="12">
                  <c:v>16227</c:v>
                </c:pt>
              </c:numCache>
            </c:numRef>
          </c:val>
          <c:extLst>
            <c:ext xmlns:c16="http://schemas.microsoft.com/office/drawing/2014/chart" uri="{C3380CC4-5D6E-409C-BE32-E72D297353CC}">
              <c16:uniqueId val="{0000000A-1849-4EB3-8FE7-FE458A7A4A17}"/>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1849-4EB3-8FE7-FE458A7A4A17}"/>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5838</c:v>
                </c:pt>
                <c:pt idx="1">
                  <c:v>8555</c:v>
                </c:pt>
                <c:pt idx="2">
                  <c:v>7855</c:v>
                </c:pt>
              </c:numCache>
            </c:numRef>
          </c:val>
          <c:extLst>
            <c:ext xmlns:c16="http://schemas.microsoft.com/office/drawing/2014/chart" uri="{C3380CC4-5D6E-409C-BE32-E72D297353CC}">
              <c16:uniqueId val="{00000000-8901-4702-B69F-144EBA0DFAE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8901-4702-B69F-144EBA0DFAE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7234</c:v>
                </c:pt>
                <c:pt idx="1">
                  <c:v>7638</c:v>
                </c:pt>
                <c:pt idx="2">
                  <c:v>9064</c:v>
                </c:pt>
              </c:numCache>
            </c:numRef>
          </c:val>
          <c:extLst>
            <c:ext xmlns:c16="http://schemas.microsoft.com/office/drawing/2014/chart" uri="{C3380CC4-5D6E-409C-BE32-E72D297353CC}">
              <c16:uniqueId val="{00000002-8901-4702-B69F-144EBA0DFAE6}"/>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昭島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令和４年度の状況</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元利償還金は、平成８年度借入れの庁舎建設事業の償還が終了したことなどにより減となった。公営企業債の元利償還金に対する繰入金では主に下水道事業で減、組合等が起こした地方債の元利償還金に対する負担金等では東京たま広域資源循環組合で減となった。算入公債費等については、公害防止事業債償還費などの減により全体として減となった。 </a:t>
          </a: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今後の対応</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今後とも元利償還金の動向を把握する中で市債借入れを抑制し、大規模建設事業実施後の比率上昇の抑制を図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本市においては、減債基金を設置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昭島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令和４年度の状況</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一般会計等に係る地方債の現在高については、公債費の動向や中長期的な財政見通しなどから地方債借入総額の抑制に努め、減となった。また、退職手当負担見込額の減等もあり、将来負担額は対前年度</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25</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億</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百万円の減となった。充当可能財源等については、充当可能基金の増はあるものの、都市計画税や基準財政需要額算入見込額の減により、</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23</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億</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23</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百万円の減となった。 </a:t>
          </a: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今後の対応</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大規模建設事業の実施も予定されており、引き続き地方債残高と基金残高のバランスに配意するとともに、経費削減による基金の積立等、比率の上昇を抑制するよう努める。 </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昭島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令和４年度は、庁舎外壁等改修事業などの財源として公共施設整備等資金積立基金から３億円を取り崩したほか、小・中学校コンピュータ教室等機器整備事業や乳幼児医療費助成事業などの財源として特定防衛施設周辺整備調整交付金事業基金から１億</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82</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水道料金・下水道使用料減免事業の財源として新型コロナウイルス感染症対策基金から</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56</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緑化推進基金から</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1</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を取り崩すなど、基金全体で</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2</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億</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75</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取崩しを行った。一方、公共施設整備等資金積立基金に決算剰余金の２分の１の一部を積み立てたことにより</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8</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億</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6</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を積み立てたほか、特定防衛施設周辺整備調整交付金を特定防衛施設周辺整備調整交付金事業基金に１億</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83</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積み立てるなど、基金全体で</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億</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積立てを行った。その結果、基金残高は前年度に比べ７億</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6</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増加し、全体で</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69</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億</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9</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各年度の財源不足への対応として財政調整基金や公共施設整備等資金積立基金についても多額の取崩しをせざるを得ない状況が見込まれる。引き続き、各年度の決算において生じる決算剰余金の２分の１以上を確実に基金へ積み立てるなど、基金積立金の確保に努める。</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基金の使途）</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施設整備等資金積立基金</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市の公用又は公共用に供する施設（他の特定の目的のために資金を積み立てる基金に係る条例に規定する施設を除く。）の新築、改築、維持補修その他の整備及び除却に関連する経費に充当。</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施設整備等資金積立基金</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令和４年度は、決算剰余金の２分の１の一部を積み立てたことにより、増となっている。</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施設整備等資金積立基金</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公共施設等総合管理計画における個別施設計画に基づく事業及び対象外事業を含めた財政需要を勘案し、令和８年度末での目標額を</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8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億円とする。</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令和４年度は、収支を見通す中で７億円の取崩しを行ったことなどから、基金残高は前年度に比べ７億円減額し、</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78</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億</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55</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rgbClr val="FF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高齢化の進展による社会保障関連経費などの経常経費の増だけではなく、自然災害や感染症、原油価格や物価高騰のような不測の事態にも対応していく必要がある。令和８年度末での目標額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55</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億円と設定しており、今般の社会情勢などを鑑み、不測の事態でも適切な財政運営ができるよう、引き続き適正な予算執行管理や更なる財源の確保、徹底した歳出削減の取組などを行い、基金積立金の確保に向けた取組を進めていく。</a:t>
          </a: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昭島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4,259
111,346
17.34
52,147,529
49,629,263
2,378,040
22,984,135
16,226,8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平均を大きく上回り、類似団体内では高い順位となっているものの、財政力指数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97</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依然として</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割り込んで</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いる。令和４年度においては</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普通交付税</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不</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交付団体</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引き続き市税の徴収率向上など財源の確保策に努めるとともに、起債と基金のバランスに配意し、中長期的な視点で財政基盤の強化に努める。</a:t>
          </a:r>
          <a:endParaRPr kumimoji="0" lang="ja-JP" altLang="ja-JP" sz="13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10885</xdr:rowOff>
    </xdr:to>
    <xdr:cxnSp macro="">
      <xdr:nvCxnSpPr>
        <xdr:cNvPr id="66" name="直線コネクタ 65"/>
        <xdr:cNvCxnSpPr/>
      </xdr:nvCxnSpPr>
      <xdr:spPr>
        <a:xfrm flipV="1">
          <a:off x="4953000" y="6312807"/>
          <a:ext cx="0" cy="14133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54412</xdr:rowOff>
    </xdr:from>
    <xdr:ext cx="762000" cy="259045"/>
    <xdr:sp macro="" textlink="">
      <xdr:nvSpPr>
        <xdr:cNvPr id="67" name="財政力最小値テキスト"/>
        <xdr:cNvSpPr txBox="1"/>
      </xdr:nvSpPr>
      <xdr:spPr>
        <a:xfrm>
          <a:off x="5041900" y="76982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0885</xdr:rowOff>
    </xdr:from>
    <xdr:to>
      <xdr:col>24</xdr:col>
      <xdr:colOff>12700</xdr:colOff>
      <xdr:row>45</xdr:row>
      <xdr:rowOff>10885</xdr:rowOff>
    </xdr:to>
    <xdr:cxnSp macro="">
      <xdr:nvCxnSpPr>
        <xdr:cNvPr id="68" name="直線コネクタ 67"/>
        <xdr:cNvCxnSpPr/>
      </xdr:nvCxnSpPr>
      <xdr:spPr>
        <a:xfrm>
          <a:off x="4864100" y="7726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xdr:cNvSpPr txBox="1"/>
      </xdr:nvSpPr>
      <xdr:spPr>
        <a:xfrm>
          <a:off x="5041900" y="605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xdr:cNvCxnSpPr/>
      </xdr:nvCxnSpPr>
      <xdr:spPr>
        <a:xfrm>
          <a:off x="4864100" y="631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6350</xdr:rowOff>
    </xdr:from>
    <xdr:to>
      <xdr:col>23</xdr:col>
      <xdr:colOff>133350</xdr:colOff>
      <xdr:row>40</xdr:row>
      <xdr:rowOff>6350</xdr:rowOff>
    </xdr:to>
    <xdr:cxnSp macro="">
      <xdr:nvCxnSpPr>
        <xdr:cNvPr id="71" name="直線コネクタ 70"/>
        <xdr:cNvCxnSpPr/>
      </xdr:nvCxnSpPr>
      <xdr:spPr>
        <a:xfrm>
          <a:off x="4114800" y="68643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35362</xdr:rowOff>
    </xdr:from>
    <xdr:ext cx="762000" cy="259045"/>
    <xdr:sp macro="" textlink="">
      <xdr:nvSpPr>
        <xdr:cNvPr id="72" name="財政力平均値テキスト"/>
        <xdr:cNvSpPr txBox="1"/>
      </xdr:nvSpPr>
      <xdr:spPr>
        <a:xfrm>
          <a:off x="5041900" y="71648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3285</xdr:rowOff>
    </xdr:from>
    <xdr:to>
      <xdr:col>23</xdr:col>
      <xdr:colOff>184150</xdr:colOff>
      <xdr:row>42</xdr:row>
      <xdr:rowOff>93435</xdr:rowOff>
    </xdr:to>
    <xdr:sp macro="" textlink="">
      <xdr:nvSpPr>
        <xdr:cNvPr id="73" name="フローチャート: 判断 72"/>
        <xdr:cNvSpPr/>
      </xdr:nvSpPr>
      <xdr:spPr>
        <a:xfrm>
          <a:off x="4902200" y="7192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60565</xdr:rowOff>
    </xdr:from>
    <xdr:to>
      <xdr:col>19</xdr:col>
      <xdr:colOff>133350</xdr:colOff>
      <xdr:row>40</xdr:row>
      <xdr:rowOff>6350</xdr:rowOff>
    </xdr:to>
    <xdr:cxnSp macro="">
      <xdr:nvCxnSpPr>
        <xdr:cNvPr id="74" name="直線コネクタ 73"/>
        <xdr:cNvCxnSpPr/>
      </xdr:nvCxnSpPr>
      <xdr:spPr>
        <a:xfrm>
          <a:off x="3225800" y="6847115"/>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8815</xdr:rowOff>
    </xdr:from>
    <xdr:to>
      <xdr:col>19</xdr:col>
      <xdr:colOff>184150</xdr:colOff>
      <xdr:row>42</xdr:row>
      <xdr:rowOff>58965</xdr:rowOff>
    </xdr:to>
    <xdr:sp macro="" textlink="">
      <xdr:nvSpPr>
        <xdr:cNvPr id="75" name="フローチャート: 判断 74"/>
        <xdr:cNvSpPr/>
      </xdr:nvSpPr>
      <xdr:spPr>
        <a:xfrm>
          <a:off x="40640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43742</xdr:rowOff>
    </xdr:from>
    <xdr:ext cx="736600" cy="259045"/>
    <xdr:sp macro="" textlink="">
      <xdr:nvSpPr>
        <xdr:cNvPr id="76" name="テキスト ボックス 75"/>
        <xdr:cNvSpPr txBox="1"/>
      </xdr:nvSpPr>
      <xdr:spPr>
        <a:xfrm>
          <a:off x="3733800" y="72446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60565</xdr:rowOff>
    </xdr:from>
    <xdr:to>
      <xdr:col>15</xdr:col>
      <xdr:colOff>82550</xdr:colOff>
      <xdr:row>39</xdr:row>
      <xdr:rowOff>160565</xdr:rowOff>
    </xdr:to>
    <xdr:cxnSp macro="">
      <xdr:nvCxnSpPr>
        <xdr:cNvPr id="77" name="直線コネクタ 76"/>
        <xdr:cNvCxnSpPr/>
      </xdr:nvCxnSpPr>
      <xdr:spPr>
        <a:xfrm>
          <a:off x="2336800" y="68471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343</xdr:rowOff>
    </xdr:from>
    <xdr:to>
      <xdr:col>15</xdr:col>
      <xdr:colOff>133350</xdr:colOff>
      <xdr:row>42</xdr:row>
      <xdr:rowOff>24493</xdr:rowOff>
    </xdr:to>
    <xdr:sp macro="" textlink="">
      <xdr:nvSpPr>
        <xdr:cNvPr id="78" name="フローチャート: 判断 77"/>
        <xdr:cNvSpPr/>
      </xdr:nvSpPr>
      <xdr:spPr>
        <a:xfrm>
          <a:off x="3175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270</xdr:rowOff>
    </xdr:from>
    <xdr:ext cx="762000" cy="259045"/>
    <xdr:sp macro="" textlink="">
      <xdr:nvSpPr>
        <xdr:cNvPr id="79" name="テキスト ボックス 78"/>
        <xdr:cNvSpPr txBox="1"/>
      </xdr:nvSpPr>
      <xdr:spPr>
        <a:xfrm>
          <a:off x="2844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60565</xdr:rowOff>
    </xdr:from>
    <xdr:to>
      <xdr:col>11</xdr:col>
      <xdr:colOff>31750</xdr:colOff>
      <xdr:row>39</xdr:row>
      <xdr:rowOff>160565</xdr:rowOff>
    </xdr:to>
    <xdr:cxnSp macro="">
      <xdr:nvCxnSpPr>
        <xdr:cNvPr id="80" name="直線コネクタ 79"/>
        <xdr:cNvCxnSpPr/>
      </xdr:nvCxnSpPr>
      <xdr:spPr>
        <a:xfrm>
          <a:off x="1447800" y="68471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4343</xdr:rowOff>
    </xdr:from>
    <xdr:to>
      <xdr:col>11</xdr:col>
      <xdr:colOff>82550</xdr:colOff>
      <xdr:row>42</xdr:row>
      <xdr:rowOff>24493</xdr:rowOff>
    </xdr:to>
    <xdr:sp macro="" textlink="">
      <xdr:nvSpPr>
        <xdr:cNvPr id="81" name="フローチャート: 判断 80"/>
        <xdr:cNvSpPr/>
      </xdr:nvSpPr>
      <xdr:spPr>
        <a:xfrm>
          <a:off x="2286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270</xdr:rowOff>
    </xdr:from>
    <xdr:ext cx="762000" cy="259045"/>
    <xdr:sp macro="" textlink="">
      <xdr:nvSpPr>
        <xdr:cNvPr id="82" name="テキスト ボックス 81"/>
        <xdr:cNvSpPr txBox="1"/>
      </xdr:nvSpPr>
      <xdr:spPr>
        <a:xfrm>
          <a:off x="1955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4343</xdr:rowOff>
    </xdr:from>
    <xdr:to>
      <xdr:col>7</xdr:col>
      <xdr:colOff>31750</xdr:colOff>
      <xdr:row>42</xdr:row>
      <xdr:rowOff>24493</xdr:rowOff>
    </xdr:to>
    <xdr:sp macro="" textlink="">
      <xdr:nvSpPr>
        <xdr:cNvPr id="83" name="フローチャート: 判断 82"/>
        <xdr:cNvSpPr/>
      </xdr:nvSpPr>
      <xdr:spPr>
        <a:xfrm>
          <a:off x="1397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9270</xdr:rowOff>
    </xdr:from>
    <xdr:ext cx="762000" cy="259045"/>
    <xdr:sp macro="" textlink="">
      <xdr:nvSpPr>
        <xdr:cNvPr id="84" name="テキスト ボックス 83"/>
        <xdr:cNvSpPr txBox="1"/>
      </xdr:nvSpPr>
      <xdr:spPr>
        <a:xfrm>
          <a:off x="1066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27000</xdr:rowOff>
    </xdr:from>
    <xdr:to>
      <xdr:col>23</xdr:col>
      <xdr:colOff>184150</xdr:colOff>
      <xdr:row>40</xdr:row>
      <xdr:rowOff>57150</xdr:rowOff>
    </xdr:to>
    <xdr:sp macro="" textlink="">
      <xdr:nvSpPr>
        <xdr:cNvPr id="90" name="楕円 89"/>
        <xdr:cNvSpPr/>
      </xdr:nvSpPr>
      <xdr:spPr>
        <a:xfrm>
          <a:off x="49022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43527</xdr:rowOff>
    </xdr:from>
    <xdr:ext cx="762000" cy="259045"/>
    <xdr:sp macro="" textlink="">
      <xdr:nvSpPr>
        <xdr:cNvPr id="91" name="財政力該当値テキスト"/>
        <xdr:cNvSpPr txBox="1"/>
      </xdr:nvSpPr>
      <xdr:spPr>
        <a:xfrm>
          <a:off x="5041900" y="665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27000</xdr:rowOff>
    </xdr:from>
    <xdr:to>
      <xdr:col>19</xdr:col>
      <xdr:colOff>184150</xdr:colOff>
      <xdr:row>40</xdr:row>
      <xdr:rowOff>57150</xdr:rowOff>
    </xdr:to>
    <xdr:sp macro="" textlink="">
      <xdr:nvSpPr>
        <xdr:cNvPr id="92" name="楕円 91"/>
        <xdr:cNvSpPr/>
      </xdr:nvSpPr>
      <xdr:spPr>
        <a:xfrm>
          <a:off x="4064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67327</xdr:rowOff>
    </xdr:from>
    <xdr:ext cx="736600" cy="259045"/>
    <xdr:sp macro="" textlink="">
      <xdr:nvSpPr>
        <xdr:cNvPr id="93" name="テキスト ボックス 92"/>
        <xdr:cNvSpPr txBox="1"/>
      </xdr:nvSpPr>
      <xdr:spPr>
        <a:xfrm>
          <a:off x="3733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9765</xdr:rowOff>
    </xdr:from>
    <xdr:to>
      <xdr:col>15</xdr:col>
      <xdr:colOff>133350</xdr:colOff>
      <xdr:row>40</xdr:row>
      <xdr:rowOff>39915</xdr:rowOff>
    </xdr:to>
    <xdr:sp macro="" textlink="">
      <xdr:nvSpPr>
        <xdr:cNvPr id="94" name="楕円 93"/>
        <xdr:cNvSpPr/>
      </xdr:nvSpPr>
      <xdr:spPr>
        <a:xfrm>
          <a:off x="3175000" y="679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50092</xdr:rowOff>
    </xdr:from>
    <xdr:ext cx="762000" cy="259045"/>
    <xdr:sp macro="" textlink="">
      <xdr:nvSpPr>
        <xdr:cNvPr id="95" name="テキスト ボックス 94"/>
        <xdr:cNvSpPr txBox="1"/>
      </xdr:nvSpPr>
      <xdr:spPr>
        <a:xfrm>
          <a:off x="2844800" y="6565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9765</xdr:rowOff>
    </xdr:from>
    <xdr:to>
      <xdr:col>11</xdr:col>
      <xdr:colOff>82550</xdr:colOff>
      <xdr:row>40</xdr:row>
      <xdr:rowOff>39915</xdr:rowOff>
    </xdr:to>
    <xdr:sp macro="" textlink="">
      <xdr:nvSpPr>
        <xdr:cNvPr id="96" name="楕円 95"/>
        <xdr:cNvSpPr/>
      </xdr:nvSpPr>
      <xdr:spPr>
        <a:xfrm>
          <a:off x="2286000" y="679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50092</xdr:rowOff>
    </xdr:from>
    <xdr:ext cx="762000" cy="259045"/>
    <xdr:sp macro="" textlink="">
      <xdr:nvSpPr>
        <xdr:cNvPr id="97" name="テキスト ボックス 96"/>
        <xdr:cNvSpPr txBox="1"/>
      </xdr:nvSpPr>
      <xdr:spPr>
        <a:xfrm>
          <a:off x="1955800" y="6565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09765</xdr:rowOff>
    </xdr:from>
    <xdr:to>
      <xdr:col>7</xdr:col>
      <xdr:colOff>31750</xdr:colOff>
      <xdr:row>40</xdr:row>
      <xdr:rowOff>39915</xdr:rowOff>
    </xdr:to>
    <xdr:sp macro="" textlink="">
      <xdr:nvSpPr>
        <xdr:cNvPr id="98" name="楕円 97"/>
        <xdr:cNvSpPr/>
      </xdr:nvSpPr>
      <xdr:spPr>
        <a:xfrm>
          <a:off x="1397000" y="679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50092</xdr:rowOff>
    </xdr:from>
    <xdr:ext cx="762000" cy="259045"/>
    <xdr:sp macro="" textlink="">
      <xdr:nvSpPr>
        <xdr:cNvPr id="99" name="テキスト ボックス 98"/>
        <xdr:cNvSpPr txBox="1"/>
      </xdr:nvSpPr>
      <xdr:spPr>
        <a:xfrm>
          <a:off x="1066800" y="6565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３年度の特定企業の一時的な収益増がなくなったことによる地方税の減や、普通交付税不交付団体となったことによる地方交付税や臨時財債対策債の減などにより分母である経常一般財源等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減となった。一方、私立保育園運営費の増に伴う扶助費の増や燃料費高騰に伴う光熱費の増などにより、分子である経常的経費充当一般財源総額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増となった。分母が減となり、分子が増となったことから経常収支比率は前年度よりも悪化した。引き続き、行財政改革を推進しながら、将来を見据えた計画的な財政運営に努める。</a:t>
          </a: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6" name="直線コネクタ 115"/>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7" name="テキスト ボックス 116"/>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8" name="直線コネクタ 117"/>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9" name="テキスト ボックス 118"/>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20" name="直線コネクタ 119"/>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1" name="テキスト ボックス 120"/>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2" name="直線コネクタ 121"/>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3" name="テキスト ボックス 122"/>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20574</xdr:rowOff>
    </xdr:from>
    <xdr:to>
      <xdr:col>23</xdr:col>
      <xdr:colOff>133350</xdr:colOff>
      <xdr:row>65</xdr:row>
      <xdr:rowOff>104394</xdr:rowOff>
    </xdr:to>
    <xdr:cxnSp macro="">
      <xdr:nvCxnSpPr>
        <xdr:cNvPr id="127" name="直線コネクタ 126"/>
        <xdr:cNvCxnSpPr/>
      </xdr:nvCxnSpPr>
      <xdr:spPr>
        <a:xfrm flipV="1">
          <a:off x="4953000" y="10307574"/>
          <a:ext cx="0" cy="9410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76471</xdr:rowOff>
    </xdr:from>
    <xdr:ext cx="762000" cy="259045"/>
    <xdr:sp macro="" textlink="">
      <xdr:nvSpPr>
        <xdr:cNvPr id="128" name="財政構造の弾力性最小値テキスト"/>
        <xdr:cNvSpPr txBox="1"/>
      </xdr:nvSpPr>
      <xdr:spPr>
        <a:xfrm>
          <a:off x="5041900" y="11220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04394</xdr:rowOff>
    </xdr:from>
    <xdr:to>
      <xdr:col>24</xdr:col>
      <xdr:colOff>12700</xdr:colOff>
      <xdr:row>65</xdr:row>
      <xdr:rowOff>104394</xdr:rowOff>
    </xdr:to>
    <xdr:cxnSp macro="">
      <xdr:nvCxnSpPr>
        <xdr:cNvPr id="129" name="直線コネクタ 128"/>
        <xdr:cNvCxnSpPr/>
      </xdr:nvCxnSpPr>
      <xdr:spPr>
        <a:xfrm>
          <a:off x="4864100" y="11248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106951</xdr:rowOff>
    </xdr:from>
    <xdr:ext cx="762000" cy="259045"/>
    <xdr:sp macro="" textlink="">
      <xdr:nvSpPr>
        <xdr:cNvPr id="130" name="財政構造の弾力性最大値テキスト"/>
        <xdr:cNvSpPr txBox="1"/>
      </xdr:nvSpPr>
      <xdr:spPr>
        <a:xfrm>
          <a:off x="5041900" y="100510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20574</xdr:rowOff>
    </xdr:from>
    <xdr:to>
      <xdr:col>24</xdr:col>
      <xdr:colOff>12700</xdr:colOff>
      <xdr:row>60</xdr:row>
      <xdr:rowOff>20574</xdr:rowOff>
    </xdr:to>
    <xdr:cxnSp macro="">
      <xdr:nvCxnSpPr>
        <xdr:cNvPr id="131" name="直線コネクタ 130"/>
        <xdr:cNvCxnSpPr/>
      </xdr:nvCxnSpPr>
      <xdr:spPr>
        <a:xfrm>
          <a:off x="4864100" y="10307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53416</xdr:rowOff>
    </xdr:from>
    <xdr:to>
      <xdr:col>23</xdr:col>
      <xdr:colOff>133350</xdr:colOff>
      <xdr:row>62</xdr:row>
      <xdr:rowOff>112014</xdr:rowOff>
    </xdr:to>
    <xdr:cxnSp macro="">
      <xdr:nvCxnSpPr>
        <xdr:cNvPr id="132" name="直線コネクタ 131"/>
        <xdr:cNvCxnSpPr/>
      </xdr:nvCxnSpPr>
      <xdr:spPr>
        <a:xfrm>
          <a:off x="4114800" y="10268966"/>
          <a:ext cx="838200" cy="472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9829</xdr:rowOff>
    </xdr:from>
    <xdr:ext cx="762000" cy="259045"/>
    <xdr:sp macro="" textlink="">
      <xdr:nvSpPr>
        <xdr:cNvPr id="133" name="財政構造の弾力性平均値テキスト"/>
        <xdr:cNvSpPr txBox="1"/>
      </xdr:nvSpPr>
      <xdr:spPr>
        <a:xfrm>
          <a:off x="5041900" y="104782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3302</xdr:rowOff>
    </xdr:from>
    <xdr:to>
      <xdr:col>23</xdr:col>
      <xdr:colOff>184150</xdr:colOff>
      <xdr:row>62</xdr:row>
      <xdr:rowOff>104902</xdr:rowOff>
    </xdr:to>
    <xdr:sp macro="" textlink="">
      <xdr:nvSpPr>
        <xdr:cNvPr id="134" name="フローチャート: 判断 133"/>
        <xdr:cNvSpPr/>
      </xdr:nvSpPr>
      <xdr:spPr>
        <a:xfrm>
          <a:off x="4902200" y="10633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9</xdr:row>
      <xdr:rowOff>153416</xdr:rowOff>
    </xdr:from>
    <xdr:to>
      <xdr:col>19</xdr:col>
      <xdr:colOff>133350</xdr:colOff>
      <xdr:row>62</xdr:row>
      <xdr:rowOff>39624</xdr:rowOff>
    </xdr:to>
    <xdr:cxnSp macro="">
      <xdr:nvCxnSpPr>
        <xdr:cNvPr id="135" name="直線コネクタ 134"/>
        <xdr:cNvCxnSpPr/>
      </xdr:nvCxnSpPr>
      <xdr:spPr>
        <a:xfrm flipV="1">
          <a:off x="3225800" y="10268966"/>
          <a:ext cx="889000" cy="400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25146</xdr:rowOff>
    </xdr:from>
    <xdr:to>
      <xdr:col>19</xdr:col>
      <xdr:colOff>184150</xdr:colOff>
      <xdr:row>61</xdr:row>
      <xdr:rowOff>126746</xdr:rowOff>
    </xdr:to>
    <xdr:sp macro="" textlink="">
      <xdr:nvSpPr>
        <xdr:cNvPr id="136" name="フローチャート: 判断 135"/>
        <xdr:cNvSpPr/>
      </xdr:nvSpPr>
      <xdr:spPr>
        <a:xfrm>
          <a:off x="4064000" y="10483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11523</xdr:rowOff>
    </xdr:from>
    <xdr:ext cx="736600" cy="259045"/>
    <xdr:sp macro="" textlink="">
      <xdr:nvSpPr>
        <xdr:cNvPr id="137" name="テキスト ボックス 136"/>
        <xdr:cNvSpPr txBox="1"/>
      </xdr:nvSpPr>
      <xdr:spPr>
        <a:xfrm>
          <a:off x="3733800" y="105699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39624</xdr:rowOff>
    </xdr:from>
    <xdr:to>
      <xdr:col>15</xdr:col>
      <xdr:colOff>82550</xdr:colOff>
      <xdr:row>62</xdr:row>
      <xdr:rowOff>112014</xdr:rowOff>
    </xdr:to>
    <xdr:cxnSp macro="">
      <xdr:nvCxnSpPr>
        <xdr:cNvPr id="138" name="直線コネクタ 137"/>
        <xdr:cNvCxnSpPr/>
      </xdr:nvCxnSpPr>
      <xdr:spPr>
        <a:xfrm flipV="1">
          <a:off x="2336800" y="10669524"/>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61214</xdr:rowOff>
    </xdr:from>
    <xdr:to>
      <xdr:col>15</xdr:col>
      <xdr:colOff>133350</xdr:colOff>
      <xdr:row>62</xdr:row>
      <xdr:rowOff>162814</xdr:rowOff>
    </xdr:to>
    <xdr:sp macro="" textlink="">
      <xdr:nvSpPr>
        <xdr:cNvPr id="139" name="フローチャート: 判断 138"/>
        <xdr:cNvSpPr/>
      </xdr:nvSpPr>
      <xdr:spPr>
        <a:xfrm>
          <a:off x="31750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7591</xdr:rowOff>
    </xdr:from>
    <xdr:ext cx="762000" cy="259045"/>
    <xdr:sp macro="" textlink="">
      <xdr:nvSpPr>
        <xdr:cNvPr id="140" name="テキスト ボックス 139"/>
        <xdr:cNvSpPr txBox="1"/>
      </xdr:nvSpPr>
      <xdr:spPr>
        <a:xfrm>
          <a:off x="2844800" y="10777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1</xdr:row>
      <xdr:rowOff>138684</xdr:rowOff>
    </xdr:from>
    <xdr:to>
      <xdr:col>11</xdr:col>
      <xdr:colOff>31750</xdr:colOff>
      <xdr:row>62</xdr:row>
      <xdr:rowOff>112014</xdr:rowOff>
    </xdr:to>
    <xdr:cxnSp macro="">
      <xdr:nvCxnSpPr>
        <xdr:cNvPr id="141" name="直線コネクタ 140"/>
        <xdr:cNvCxnSpPr/>
      </xdr:nvCxnSpPr>
      <xdr:spPr>
        <a:xfrm>
          <a:off x="1447800" y="10597134"/>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80518</xdr:rowOff>
    </xdr:from>
    <xdr:to>
      <xdr:col>11</xdr:col>
      <xdr:colOff>82550</xdr:colOff>
      <xdr:row>63</xdr:row>
      <xdr:rowOff>10668</xdr:rowOff>
    </xdr:to>
    <xdr:sp macro="" textlink="">
      <xdr:nvSpPr>
        <xdr:cNvPr id="142" name="フローチャート: 判断 141"/>
        <xdr:cNvSpPr/>
      </xdr:nvSpPr>
      <xdr:spPr>
        <a:xfrm>
          <a:off x="2286000" y="10710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66895</xdr:rowOff>
    </xdr:from>
    <xdr:ext cx="762000" cy="259045"/>
    <xdr:sp macro="" textlink="">
      <xdr:nvSpPr>
        <xdr:cNvPr id="143" name="テキスト ボックス 142"/>
        <xdr:cNvSpPr txBox="1"/>
      </xdr:nvSpPr>
      <xdr:spPr>
        <a:xfrm>
          <a:off x="1955800" y="107967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61214</xdr:rowOff>
    </xdr:from>
    <xdr:to>
      <xdr:col>7</xdr:col>
      <xdr:colOff>31750</xdr:colOff>
      <xdr:row>62</xdr:row>
      <xdr:rowOff>162814</xdr:rowOff>
    </xdr:to>
    <xdr:sp macro="" textlink="">
      <xdr:nvSpPr>
        <xdr:cNvPr id="144" name="フローチャート: 判断 143"/>
        <xdr:cNvSpPr/>
      </xdr:nvSpPr>
      <xdr:spPr>
        <a:xfrm>
          <a:off x="13970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47591</xdr:rowOff>
    </xdr:from>
    <xdr:ext cx="762000" cy="259045"/>
    <xdr:sp macro="" textlink="">
      <xdr:nvSpPr>
        <xdr:cNvPr id="145" name="テキスト ボックス 144"/>
        <xdr:cNvSpPr txBox="1"/>
      </xdr:nvSpPr>
      <xdr:spPr>
        <a:xfrm>
          <a:off x="1066800" y="10777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1214</xdr:rowOff>
    </xdr:from>
    <xdr:to>
      <xdr:col>23</xdr:col>
      <xdr:colOff>184150</xdr:colOff>
      <xdr:row>62</xdr:row>
      <xdr:rowOff>162814</xdr:rowOff>
    </xdr:to>
    <xdr:sp macro="" textlink="">
      <xdr:nvSpPr>
        <xdr:cNvPr id="151" name="楕円 150"/>
        <xdr:cNvSpPr/>
      </xdr:nvSpPr>
      <xdr:spPr>
        <a:xfrm>
          <a:off x="4902200" y="1069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33291</xdr:rowOff>
    </xdr:from>
    <xdr:ext cx="762000" cy="259045"/>
    <xdr:sp macro="" textlink="">
      <xdr:nvSpPr>
        <xdr:cNvPr id="152" name="財政構造の弾力性該当値テキスト"/>
        <xdr:cNvSpPr txBox="1"/>
      </xdr:nvSpPr>
      <xdr:spPr>
        <a:xfrm>
          <a:off x="5041900" y="10663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9</xdr:row>
      <xdr:rowOff>102616</xdr:rowOff>
    </xdr:from>
    <xdr:to>
      <xdr:col>19</xdr:col>
      <xdr:colOff>184150</xdr:colOff>
      <xdr:row>60</xdr:row>
      <xdr:rowOff>32766</xdr:rowOff>
    </xdr:to>
    <xdr:sp macro="" textlink="">
      <xdr:nvSpPr>
        <xdr:cNvPr id="153" name="楕円 152"/>
        <xdr:cNvSpPr/>
      </xdr:nvSpPr>
      <xdr:spPr>
        <a:xfrm>
          <a:off x="4064000" y="10218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42943</xdr:rowOff>
    </xdr:from>
    <xdr:ext cx="736600" cy="259045"/>
    <xdr:sp macro="" textlink="">
      <xdr:nvSpPr>
        <xdr:cNvPr id="154" name="テキスト ボックス 153"/>
        <xdr:cNvSpPr txBox="1"/>
      </xdr:nvSpPr>
      <xdr:spPr>
        <a:xfrm>
          <a:off x="3733800" y="99870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160274</xdr:rowOff>
    </xdr:from>
    <xdr:to>
      <xdr:col>15</xdr:col>
      <xdr:colOff>133350</xdr:colOff>
      <xdr:row>62</xdr:row>
      <xdr:rowOff>90424</xdr:rowOff>
    </xdr:to>
    <xdr:sp macro="" textlink="">
      <xdr:nvSpPr>
        <xdr:cNvPr id="155" name="楕円 154"/>
        <xdr:cNvSpPr/>
      </xdr:nvSpPr>
      <xdr:spPr>
        <a:xfrm>
          <a:off x="3175000" y="1061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00601</xdr:rowOff>
    </xdr:from>
    <xdr:ext cx="762000" cy="259045"/>
    <xdr:sp macro="" textlink="">
      <xdr:nvSpPr>
        <xdr:cNvPr id="156" name="テキスト ボックス 155"/>
        <xdr:cNvSpPr txBox="1"/>
      </xdr:nvSpPr>
      <xdr:spPr>
        <a:xfrm>
          <a:off x="2844800" y="10387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61214</xdr:rowOff>
    </xdr:from>
    <xdr:to>
      <xdr:col>11</xdr:col>
      <xdr:colOff>82550</xdr:colOff>
      <xdr:row>62</xdr:row>
      <xdr:rowOff>162814</xdr:rowOff>
    </xdr:to>
    <xdr:sp macro="" textlink="">
      <xdr:nvSpPr>
        <xdr:cNvPr id="157" name="楕円 156"/>
        <xdr:cNvSpPr/>
      </xdr:nvSpPr>
      <xdr:spPr>
        <a:xfrm>
          <a:off x="2286000" y="1069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541</xdr:rowOff>
    </xdr:from>
    <xdr:ext cx="762000" cy="259045"/>
    <xdr:sp macro="" textlink="">
      <xdr:nvSpPr>
        <xdr:cNvPr id="158" name="テキスト ボックス 157"/>
        <xdr:cNvSpPr txBox="1"/>
      </xdr:nvSpPr>
      <xdr:spPr>
        <a:xfrm>
          <a:off x="1955800" y="10459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87884</xdr:rowOff>
    </xdr:from>
    <xdr:to>
      <xdr:col>7</xdr:col>
      <xdr:colOff>31750</xdr:colOff>
      <xdr:row>62</xdr:row>
      <xdr:rowOff>18034</xdr:rowOff>
    </xdr:to>
    <xdr:sp macro="" textlink="">
      <xdr:nvSpPr>
        <xdr:cNvPr id="159" name="楕円 158"/>
        <xdr:cNvSpPr/>
      </xdr:nvSpPr>
      <xdr:spPr>
        <a:xfrm>
          <a:off x="1397000" y="10546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28211</xdr:rowOff>
    </xdr:from>
    <xdr:ext cx="762000" cy="259045"/>
    <xdr:sp macro="" textlink="">
      <xdr:nvSpPr>
        <xdr:cNvPr id="160" name="テキスト ボックス 159"/>
        <xdr:cNvSpPr txBox="1"/>
      </xdr:nvSpPr>
      <xdr:spPr>
        <a:xfrm>
          <a:off x="1066800" y="10315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5,7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ここ数年は類似団体平均を下回っているが、令和４年度は光熱水費（電気・ガス料）や予防接種業務委託の増</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などにより、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増となった。引き続き</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事務事業の見直しや民間委託の推進を図るなど、より一層のコスト削減に努める必要が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なお、東京都に委託している常備消防委託金等、反映されていない人件費・物件費の費用を合計すると、人口１人当たりの金額は大幅に増加することとなる。</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4625</xdr:rowOff>
    </xdr:from>
    <xdr:to>
      <xdr:col>23</xdr:col>
      <xdr:colOff>133350</xdr:colOff>
      <xdr:row>88</xdr:row>
      <xdr:rowOff>84576</xdr:rowOff>
    </xdr:to>
    <xdr:cxnSp macro="">
      <xdr:nvCxnSpPr>
        <xdr:cNvPr id="190" name="直線コネクタ 189"/>
        <xdr:cNvCxnSpPr/>
      </xdr:nvCxnSpPr>
      <xdr:spPr>
        <a:xfrm flipV="1">
          <a:off x="4953000" y="13770625"/>
          <a:ext cx="0" cy="1401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56653</xdr:rowOff>
    </xdr:from>
    <xdr:ext cx="762000" cy="259045"/>
    <xdr:sp macro="" textlink="">
      <xdr:nvSpPr>
        <xdr:cNvPr id="191" name="人件費・物件費等の状況最小値テキスト"/>
        <xdr:cNvSpPr txBox="1"/>
      </xdr:nvSpPr>
      <xdr:spPr>
        <a:xfrm>
          <a:off x="5041900" y="15144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84576</xdr:rowOff>
    </xdr:from>
    <xdr:to>
      <xdr:col>24</xdr:col>
      <xdr:colOff>12700</xdr:colOff>
      <xdr:row>88</xdr:row>
      <xdr:rowOff>84576</xdr:rowOff>
    </xdr:to>
    <xdr:cxnSp macro="">
      <xdr:nvCxnSpPr>
        <xdr:cNvPr id="192" name="直線コネクタ 191"/>
        <xdr:cNvCxnSpPr/>
      </xdr:nvCxnSpPr>
      <xdr:spPr>
        <a:xfrm>
          <a:off x="4864100" y="15172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1002</xdr:rowOff>
    </xdr:from>
    <xdr:ext cx="762000" cy="259045"/>
    <xdr:sp macro="" textlink="">
      <xdr:nvSpPr>
        <xdr:cNvPr id="193" name="人件費・物件費等の状況最大値テキスト"/>
        <xdr:cNvSpPr txBox="1"/>
      </xdr:nvSpPr>
      <xdr:spPr>
        <a:xfrm>
          <a:off x="5041900" y="13514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4625</xdr:rowOff>
    </xdr:from>
    <xdr:to>
      <xdr:col>24</xdr:col>
      <xdr:colOff>12700</xdr:colOff>
      <xdr:row>80</xdr:row>
      <xdr:rowOff>54625</xdr:rowOff>
    </xdr:to>
    <xdr:cxnSp macro="">
      <xdr:nvCxnSpPr>
        <xdr:cNvPr id="194" name="直線コネクタ 193"/>
        <xdr:cNvCxnSpPr/>
      </xdr:nvCxnSpPr>
      <xdr:spPr>
        <a:xfrm>
          <a:off x="4864100" y="13770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45785</xdr:rowOff>
    </xdr:from>
    <xdr:to>
      <xdr:col>23</xdr:col>
      <xdr:colOff>133350</xdr:colOff>
      <xdr:row>83</xdr:row>
      <xdr:rowOff>49726</xdr:rowOff>
    </xdr:to>
    <xdr:cxnSp macro="">
      <xdr:nvCxnSpPr>
        <xdr:cNvPr id="195" name="直線コネクタ 194"/>
        <xdr:cNvCxnSpPr/>
      </xdr:nvCxnSpPr>
      <xdr:spPr>
        <a:xfrm>
          <a:off x="4114800" y="14276135"/>
          <a:ext cx="838200" cy="3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4587</xdr:rowOff>
    </xdr:from>
    <xdr:ext cx="762000" cy="259045"/>
    <xdr:sp macro="" textlink="">
      <xdr:nvSpPr>
        <xdr:cNvPr id="196" name="人件費・物件費等の状況平均値テキスト"/>
        <xdr:cNvSpPr txBox="1"/>
      </xdr:nvSpPr>
      <xdr:spPr>
        <a:xfrm>
          <a:off x="5041900" y="142849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2510</xdr:rowOff>
    </xdr:from>
    <xdr:to>
      <xdr:col>23</xdr:col>
      <xdr:colOff>184150</xdr:colOff>
      <xdr:row>84</xdr:row>
      <xdr:rowOff>12660</xdr:rowOff>
    </xdr:to>
    <xdr:sp macro="" textlink="">
      <xdr:nvSpPr>
        <xdr:cNvPr id="197" name="フローチャート: 判断 196"/>
        <xdr:cNvSpPr/>
      </xdr:nvSpPr>
      <xdr:spPr>
        <a:xfrm>
          <a:off x="4902200" y="1431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52682</xdr:rowOff>
    </xdr:from>
    <xdr:to>
      <xdr:col>19</xdr:col>
      <xdr:colOff>133350</xdr:colOff>
      <xdr:row>83</xdr:row>
      <xdr:rowOff>45785</xdr:rowOff>
    </xdr:to>
    <xdr:cxnSp macro="">
      <xdr:nvCxnSpPr>
        <xdr:cNvPr id="198" name="直線コネクタ 197"/>
        <xdr:cNvCxnSpPr/>
      </xdr:nvCxnSpPr>
      <xdr:spPr>
        <a:xfrm>
          <a:off x="3225800" y="14111582"/>
          <a:ext cx="889000" cy="164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0307</xdr:rowOff>
    </xdr:from>
    <xdr:to>
      <xdr:col>19</xdr:col>
      <xdr:colOff>184150</xdr:colOff>
      <xdr:row>83</xdr:row>
      <xdr:rowOff>121907</xdr:rowOff>
    </xdr:to>
    <xdr:sp macro="" textlink="">
      <xdr:nvSpPr>
        <xdr:cNvPr id="199" name="フローチャート: 判断 198"/>
        <xdr:cNvSpPr/>
      </xdr:nvSpPr>
      <xdr:spPr>
        <a:xfrm>
          <a:off x="4064000" y="1425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6684</xdr:rowOff>
    </xdr:from>
    <xdr:ext cx="736600" cy="259045"/>
    <xdr:sp macro="" textlink="">
      <xdr:nvSpPr>
        <xdr:cNvPr id="200" name="テキスト ボックス 199"/>
        <xdr:cNvSpPr txBox="1"/>
      </xdr:nvSpPr>
      <xdr:spPr>
        <a:xfrm>
          <a:off x="3733800" y="14337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27102</xdr:rowOff>
    </xdr:from>
    <xdr:to>
      <xdr:col>15</xdr:col>
      <xdr:colOff>82550</xdr:colOff>
      <xdr:row>82</xdr:row>
      <xdr:rowOff>52682</xdr:rowOff>
    </xdr:to>
    <xdr:cxnSp macro="">
      <xdr:nvCxnSpPr>
        <xdr:cNvPr id="201" name="直線コネクタ 200"/>
        <xdr:cNvCxnSpPr/>
      </xdr:nvCxnSpPr>
      <xdr:spPr>
        <a:xfrm>
          <a:off x="2336800" y="14014552"/>
          <a:ext cx="889000" cy="97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89984</xdr:rowOff>
    </xdr:from>
    <xdr:to>
      <xdr:col>15</xdr:col>
      <xdr:colOff>133350</xdr:colOff>
      <xdr:row>83</xdr:row>
      <xdr:rowOff>20134</xdr:rowOff>
    </xdr:to>
    <xdr:sp macro="" textlink="">
      <xdr:nvSpPr>
        <xdr:cNvPr id="202" name="フローチャート: 判断 201"/>
        <xdr:cNvSpPr/>
      </xdr:nvSpPr>
      <xdr:spPr>
        <a:xfrm>
          <a:off x="3175000" y="14148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4911</xdr:rowOff>
    </xdr:from>
    <xdr:ext cx="762000" cy="259045"/>
    <xdr:sp macro="" textlink="">
      <xdr:nvSpPr>
        <xdr:cNvPr id="203" name="テキスト ボックス 202"/>
        <xdr:cNvSpPr txBox="1"/>
      </xdr:nvSpPr>
      <xdr:spPr>
        <a:xfrm>
          <a:off x="2844800" y="14235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66523</xdr:rowOff>
    </xdr:from>
    <xdr:to>
      <xdr:col>11</xdr:col>
      <xdr:colOff>31750</xdr:colOff>
      <xdr:row>81</xdr:row>
      <xdr:rowOff>127102</xdr:rowOff>
    </xdr:to>
    <xdr:cxnSp macro="">
      <xdr:nvCxnSpPr>
        <xdr:cNvPr id="204" name="直線コネクタ 203"/>
        <xdr:cNvCxnSpPr/>
      </xdr:nvCxnSpPr>
      <xdr:spPr>
        <a:xfrm>
          <a:off x="1447800" y="13953973"/>
          <a:ext cx="889000" cy="60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4014</xdr:rowOff>
    </xdr:from>
    <xdr:to>
      <xdr:col>11</xdr:col>
      <xdr:colOff>82550</xdr:colOff>
      <xdr:row>82</xdr:row>
      <xdr:rowOff>105614</xdr:rowOff>
    </xdr:to>
    <xdr:sp macro="" textlink="">
      <xdr:nvSpPr>
        <xdr:cNvPr id="205" name="フローチャート: 判断 204"/>
        <xdr:cNvSpPr/>
      </xdr:nvSpPr>
      <xdr:spPr>
        <a:xfrm>
          <a:off x="2286000" y="1406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90391</xdr:rowOff>
    </xdr:from>
    <xdr:ext cx="762000" cy="259045"/>
    <xdr:sp macro="" textlink="">
      <xdr:nvSpPr>
        <xdr:cNvPr id="206" name="テキスト ボックス 205"/>
        <xdr:cNvSpPr txBox="1"/>
      </xdr:nvSpPr>
      <xdr:spPr>
        <a:xfrm>
          <a:off x="1955800" y="14149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7874</xdr:rowOff>
    </xdr:from>
    <xdr:to>
      <xdr:col>7</xdr:col>
      <xdr:colOff>31750</xdr:colOff>
      <xdr:row>82</xdr:row>
      <xdr:rowOff>68024</xdr:rowOff>
    </xdr:to>
    <xdr:sp macro="" textlink="">
      <xdr:nvSpPr>
        <xdr:cNvPr id="207" name="フローチャート: 判断 206"/>
        <xdr:cNvSpPr/>
      </xdr:nvSpPr>
      <xdr:spPr>
        <a:xfrm>
          <a:off x="1397000" y="1402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52801</xdr:rowOff>
    </xdr:from>
    <xdr:ext cx="762000" cy="259045"/>
    <xdr:sp macro="" textlink="">
      <xdr:nvSpPr>
        <xdr:cNvPr id="208" name="テキスト ボックス 207"/>
        <xdr:cNvSpPr txBox="1"/>
      </xdr:nvSpPr>
      <xdr:spPr>
        <a:xfrm>
          <a:off x="1066800" y="1411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70376</xdr:rowOff>
    </xdr:from>
    <xdr:to>
      <xdr:col>23</xdr:col>
      <xdr:colOff>184150</xdr:colOff>
      <xdr:row>83</xdr:row>
      <xdr:rowOff>100526</xdr:rowOff>
    </xdr:to>
    <xdr:sp macro="" textlink="">
      <xdr:nvSpPr>
        <xdr:cNvPr id="214" name="楕円 213"/>
        <xdr:cNvSpPr/>
      </xdr:nvSpPr>
      <xdr:spPr>
        <a:xfrm>
          <a:off x="4902200" y="14229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5453</xdr:rowOff>
    </xdr:from>
    <xdr:ext cx="762000" cy="259045"/>
    <xdr:sp macro="" textlink="">
      <xdr:nvSpPr>
        <xdr:cNvPr id="215" name="人件費・物件費等の状況該当値テキスト"/>
        <xdr:cNvSpPr txBox="1"/>
      </xdr:nvSpPr>
      <xdr:spPr>
        <a:xfrm>
          <a:off x="5041900" y="14074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66435</xdr:rowOff>
    </xdr:from>
    <xdr:to>
      <xdr:col>19</xdr:col>
      <xdr:colOff>184150</xdr:colOff>
      <xdr:row>83</xdr:row>
      <xdr:rowOff>96585</xdr:rowOff>
    </xdr:to>
    <xdr:sp macro="" textlink="">
      <xdr:nvSpPr>
        <xdr:cNvPr id="216" name="楕円 215"/>
        <xdr:cNvSpPr/>
      </xdr:nvSpPr>
      <xdr:spPr>
        <a:xfrm>
          <a:off x="4064000" y="14225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06762</xdr:rowOff>
    </xdr:from>
    <xdr:ext cx="736600" cy="259045"/>
    <xdr:sp macro="" textlink="">
      <xdr:nvSpPr>
        <xdr:cNvPr id="217" name="テキスト ボックス 216"/>
        <xdr:cNvSpPr txBox="1"/>
      </xdr:nvSpPr>
      <xdr:spPr>
        <a:xfrm>
          <a:off x="3733800" y="139942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882</xdr:rowOff>
    </xdr:from>
    <xdr:to>
      <xdr:col>15</xdr:col>
      <xdr:colOff>133350</xdr:colOff>
      <xdr:row>82</xdr:row>
      <xdr:rowOff>103482</xdr:rowOff>
    </xdr:to>
    <xdr:sp macro="" textlink="">
      <xdr:nvSpPr>
        <xdr:cNvPr id="218" name="楕円 217"/>
        <xdr:cNvSpPr/>
      </xdr:nvSpPr>
      <xdr:spPr>
        <a:xfrm>
          <a:off x="3175000" y="14060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13659</xdr:rowOff>
    </xdr:from>
    <xdr:ext cx="762000" cy="259045"/>
    <xdr:sp macro="" textlink="">
      <xdr:nvSpPr>
        <xdr:cNvPr id="219" name="テキスト ボックス 218"/>
        <xdr:cNvSpPr txBox="1"/>
      </xdr:nvSpPr>
      <xdr:spPr>
        <a:xfrm>
          <a:off x="2844800" y="13829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76302</xdr:rowOff>
    </xdr:from>
    <xdr:to>
      <xdr:col>11</xdr:col>
      <xdr:colOff>82550</xdr:colOff>
      <xdr:row>82</xdr:row>
      <xdr:rowOff>6452</xdr:rowOff>
    </xdr:to>
    <xdr:sp macro="" textlink="">
      <xdr:nvSpPr>
        <xdr:cNvPr id="220" name="楕円 219"/>
        <xdr:cNvSpPr/>
      </xdr:nvSpPr>
      <xdr:spPr>
        <a:xfrm>
          <a:off x="2286000" y="13963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6629</xdr:rowOff>
    </xdr:from>
    <xdr:ext cx="762000" cy="259045"/>
    <xdr:sp macro="" textlink="">
      <xdr:nvSpPr>
        <xdr:cNvPr id="221" name="テキスト ボックス 220"/>
        <xdr:cNvSpPr txBox="1"/>
      </xdr:nvSpPr>
      <xdr:spPr>
        <a:xfrm>
          <a:off x="1955800" y="13732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5723</xdr:rowOff>
    </xdr:from>
    <xdr:to>
      <xdr:col>7</xdr:col>
      <xdr:colOff>31750</xdr:colOff>
      <xdr:row>81</xdr:row>
      <xdr:rowOff>117323</xdr:rowOff>
    </xdr:to>
    <xdr:sp macro="" textlink="">
      <xdr:nvSpPr>
        <xdr:cNvPr id="222" name="楕円 221"/>
        <xdr:cNvSpPr/>
      </xdr:nvSpPr>
      <xdr:spPr>
        <a:xfrm>
          <a:off x="1397000" y="13903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7500</xdr:rowOff>
    </xdr:from>
    <xdr:ext cx="762000" cy="259045"/>
    <xdr:sp macro="" textlink="">
      <xdr:nvSpPr>
        <xdr:cNvPr id="223" name="テキスト ボックス 222"/>
        <xdr:cNvSpPr txBox="1"/>
      </xdr:nvSpPr>
      <xdr:spPr>
        <a:xfrm>
          <a:off x="1066800" y="13672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職員給与費については例月給を東京都に準拠した内容で設定している。令和４年度のラスパイレス指数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99.7</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と、昨年度と比較して</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0.4</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ポイント下回ったが、類似団体平均</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98.9</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を</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0.8</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ポイント上回った。引き続き、更なる給与水準の適正化に努め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9" name="直線コネクタ 238"/>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0" name="テキスト ボックス 239"/>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1" name="直線コネクタ 240"/>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2" name="テキスト ボックス 241"/>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3" name="直線コネクタ 242"/>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4" name="テキスト ボックス 243"/>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5" name="直線コネクタ 244"/>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6" name="テキスト ボックス 245"/>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7" name="直線コネクタ 246"/>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8" name="テキスト ボックス 247"/>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9" name="直線コネクタ 248"/>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0" name="テキスト ボックス 249"/>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78921</xdr:rowOff>
    </xdr:from>
    <xdr:to>
      <xdr:col>81</xdr:col>
      <xdr:colOff>44450</xdr:colOff>
      <xdr:row>89</xdr:row>
      <xdr:rowOff>35379</xdr:rowOff>
    </xdr:to>
    <xdr:cxnSp macro="">
      <xdr:nvCxnSpPr>
        <xdr:cNvPr id="254" name="直線コネクタ 253"/>
        <xdr:cNvCxnSpPr/>
      </xdr:nvCxnSpPr>
      <xdr:spPr>
        <a:xfrm flipV="1">
          <a:off x="17018000" y="13794921"/>
          <a:ext cx="0" cy="14995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456</xdr:rowOff>
    </xdr:from>
    <xdr:ext cx="762000" cy="259045"/>
    <xdr:sp macro="" textlink="">
      <xdr:nvSpPr>
        <xdr:cNvPr id="255" name="給与水準   （国との比較）最小値テキスト"/>
        <xdr:cNvSpPr txBox="1"/>
      </xdr:nvSpPr>
      <xdr:spPr>
        <a:xfrm>
          <a:off x="17106900" y="15266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35379</xdr:rowOff>
    </xdr:from>
    <xdr:to>
      <xdr:col>81</xdr:col>
      <xdr:colOff>133350</xdr:colOff>
      <xdr:row>89</xdr:row>
      <xdr:rowOff>35379</xdr:rowOff>
    </xdr:to>
    <xdr:cxnSp macro="">
      <xdr:nvCxnSpPr>
        <xdr:cNvPr id="256" name="直線コネクタ 255"/>
        <xdr:cNvCxnSpPr/>
      </xdr:nvCxnSpPr>
      <xdr:spPr>
        <a:xfrm>
          <a:off x="16929100" y="15294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65298</xdr:rowOff>
    </xdr:from>
    <xdr:ext cx="762000" cy="259045"/>
    <xdr:sp macro="" textlink="">
      <xdr:nvSpPr>
        <xdr:cNvPr id="257" name="給与水準   （国との比較）最大値テキスト"/>
        <xdr:cNvSpPr txBox="1"/>
      </xdr:nvSpPr>
      <xdr:spPr>
        <a:xfrm>
          <a:off x="17106900" y="13538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78921</xdr:rowOff>
    </xdr:from>
    <xdr:to>
      <xdr:col>81</xdr:col>
      <xdr:colOff>133350</xdr:colOff>
      <xdr:row>80</xdr:row>
      <xdr:rowOff>78921</xdr:rowOff>
    </xdr:to>
    <xdr:cxnSp macro="">
      <xdr:nvCxnSpPr>
        <xdr:cNvPr id="258" name="直線コネクタ 257"/>
        <xdr:cNvCxnSpPr/>
      </xdr:nvCxnSpPr>
      <xdr:spPr>
        <a:xfrm>
          <a:off x="16929100" y="13794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52400</xdr:rowOff>
    </xdr:from>
    <xdr:to>
      <xdr:col>81</xdr:col>
      <xdr:colOff>44450</xdr:colOff>
      <xdr:row>86</xdr:row>
      <xdr:rowOff>49893</xdr:rowOff>
    </xdr:to>
    <xdr:cxnSp macro="">
      <xdr:nvCxnSpPr>
        <xdr:cNvPr id="259" name="直線コネクタ 258"/>
        <xdr:cNvCxnSpPr/>
      </xdr:nvCxnSpPr>
      <xdr:spPr>
        <a:xfrm flipV="1">
          <a:off x="16179800" y="14725650"/>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51691</xdr:rowOff>
    </xdr:from>
    <xdr:ext cx="762000" cy="259045"/>
    <xdr:sp macro="" textlink="">
      <xdr:nvSpPr>
        <xdr:cNvPr id="260" name="給与水準   （国との比較）平均値テキスト"/>
        <xdr:cNvSpPr txBox="1"/>
      </xdr:nvSpPr>
      <xdr:spPr>
        <a:xfrm>
          <a:off x="17106900" y="14382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5164</xdr:rowOff>
    </xdr:from>
    <xdr:to>
      <xdr:col>81</xdr:col>
      <xdr:colOff>95250</xdr:colOff>
      <xdr:row>85</xdr:row>
      <xdr:rowOff>65314</xdr:rowOff>
    </xdr:to>
    <xdr:sp macro="" textlink="">
      <xdr:nvSpPr>
        <xdr:cNvPr id="261" name="フローチャート: 判断 260"/>
        <xdr:cNvSpPr/>
      </xdr:nvSpPr>
      <xdr:spPr>
        <a:xfrm>
          <a:off x="16967200" y="14536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49893</xdr:rowOff>
    </xdr:from>
    <xdr:to>
      <xdr:col>77</xdr:col>
      <xdr:colOff>44450</xdr:colOff>
      <xdr:row>86</xdr:row>
      <xdr:rowOff>67129</xdr:rowOff>
    </xdr:to>
    <xdr:cxnSp macro="">
      <xdr:nvCxnSpPr>
        <xdr:cNvPr id="262" name="直線コネクタ 261"/>
        <xdr:cNvCxnSpPr/>
      </xdr:nvCxnSpPr>
      <xdr:spPr>
        <a:xfrm flipV="1">
          <a:off x="15290800" y="14794593"/>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63" name="フローチャート: 判断 262"/>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64" name="テキスト ボックス 263"/>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52400</xdr:rowOff>
    </xdr:from>
    <xdr:to>
      <xdr:col>72</xdr:col>
      <xdr:colOff>203200</xdr:colOff>
      <xdr:row>86</xdr:row>
      <xdr:rowOff>67129</xdr:rowOff>
    </xdr:to>
    <xdr:cxnSp macro="">
      <xdr:nvCxnSpPr>
        <xdr:cNvPr id="265" name="直線コネクタ 264"/>
        <xdr:cNvCxnSpPr/>
      </xdr:nvCxnSpPr>
      <xdr:spPr>
        <a:xfrm>
          <a:off x="14401800" y="14725650"/>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6" name="フローチャート: 判断 265"/>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7" name="テキスト ボックス 266"/>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52400</xdr:rowOff>
    </xdr:from>
    <xdr:to>
      <xdr:col>68</xdr:col>
      <xdr:colOff>152400</xdr:colOff>
      <xdr:row>86</xdr:row>
      <xdr:rowOff>15421</xdr:rowOff>
    </xdr:to>
    <xdr:cxnSp macro="">
      <xdr:nvCxnSpPr>
        <xdr:cNvPr id="268" name="直線コネクタ 267"/>
        <xdr:cNvCxnSpPr/>
      </xdr:nvCxnSpPr>
      <xdr:spPr>
        <a:xfrm flipV="1">
          <a:off x="13512800" y="14725650"/>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69" name="フローチャート: 判断 268"/>
        <xdr:cNvSpPr/>
      </xdr:nvSpPr>
      <xdr:spPr>
        <a:xfrm>
          <a:off x="14351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70" name="テキスト ボックス 269"/>
        <xdr:cNvSpPr txBox="1"/>
      </xdr:nvSpPr>
      <xdr:spPr>
        <a:xfrm>
          <a:off x="14020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71" name="フローチャート: 判断 270"/>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2" name="テキスト ボックス 271"/>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1600</xdr:rowOff>
    </xdr:from>
    <xdr:to>
      <xdr:col>81</xdr:col>
      <xdr:colOff>95250</xdr:colOff>
      <xdr:row>86</xdr:row>
      <xdr:rowOff>31750</xdr:rowOff>
    </xdr:to>
    <xdr:sp macro="" textlink="">
      <xdr:nvSpPr>
        <xdr:cNvPr id="278" name="楕円 277"/>
        <xdr:cNvSpPr/>
      </xdr:nvSpPr>
      <xdr:spPr>
        <a:xfrm>
          <a:off x="169672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73677</xdr:rowOff>
    </xdr:from>
    <xdr:ext cx="762000" cy="259045"/>
    <xdr:sp macro="" textlink="">
      <xdr:nvSpPr>
        <xdr:cNvPr id="279" name="給与水準   （国との比較）該当値テキスト"/>
        <xdr:cNvSpPr txBox="1"/>
      </xdr:nvSpPr>
      <xdr:spPr>
        <a:xfrm>
          <a:off x="17106900" y="14646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70543</xdr:rowOff>
    </xdr:from>
    <xdr:to>
      <xdr:col>77</xdr:col>
      <xdr:colOff>95250</xdr:colOff>
      <xdr:row>86</xdr:row>
      <xdr:rowOff>100693</xdr:rowOff>
    </xdr:to>
    <xdr:sp macro="" textlink="">
      <xdr:nvSpPr>
        <xdr:cNvPr id="280" name="楕円 279"/>
        <xdr:cNvSpPr/>
      </xdr:nvSpPr>
      <xdr:spPr>
        <a:xfrm>
          <a:off x="16129000" y="1474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85470</xdr:rowOff>
    </xdr:from>
    <xdr:ext cx="736600" cy="259045"/>
    <xdr:sp macro="" textlink="">
      <xdr:nvSpPr>
        <xdr:cNvPr id="281" name="テキスト ボックス 280"/>
        <xdr:cNvSpPr txBox="1"/>
      </xdr:nvSpPr>
      <xdr:spPr>
        <a:xfrm>
          <a:off x="15798800" y="148301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6329</xdr:rowOff>
    </xdr:from>
    <xdr:to>
      <xdr:col>73</xdr:col>
      <xdr:colOff>44450</xdr:colOff>
      <xdr:row>86</xdr:row>
      <xdr:rowOff>117929</xdr:rowOff>
    </xdr:to>
    <xdr:sp macro="" textlink="">
      <xdr:nvSpPr>
        <xdr:cNvPr id="282" name="楕円 281"/>
        <xdr:cNvSpPr/>
      </xdr:nvSpPr>
      <xdr:spPr>
        <a:xfrm>
          <a:off x="15240000" y="1476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02706</xdr:rowOff>
    </xdr:from>
    <xdr:ext cx="762000" cy="259045"/>
    <xdr:sp macro="" textlink="">
      <xdr:nvSpPr>
        <xdr:cNvPr id="283" name="テキスト ボックス 282"/>
        <xdr:cNvSpPr txBox="1"/>
      </xdr:nvSpPr>
      <xdr:spPr>
        <a:xfrm>
          <a:off x="14909800" y="14847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01600</xdr:rowOff>
    </xdr:from>
    <xdr:to>
      <xdr:col>68</xdr:col>
      <xdr:colOff>203200</xdr:colOff>
      <xdr:row>86</xdr:row>
      <xdr:rowOff>31750</xdr:rowOff>
    </xdr:to>
    <xdr:sp macro="" textlink="">
      <xdr:nvSpPr>
        <xdr:cNvPr id="284" name="楕円 283"/>
        <xdr:cNvSpPr/>
      </xdr:nvSpPr>
      <xdr:spPr>
        <a:xfrm>
          <a:off x="14351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6527</xdr:rowOff>
    </xdr:from>
    <xdr:ext cx="762000" cy="259045"/>
    <xdr:sp macro="" textlink="">
      <xdr:nvSpPr>
        <xdr:cNvPr id="285" name="テキスト ボックス 284"/>
        <xdr:cNvSpPr txBox="1"/>
      </xdr:nvSpPr>
      <xdr:spPr>
        <a:xfrm>
          <a:off x="14020800" y="1476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36071</xdr:rowOff>
    </xdr:from>
    <xdr:to>
      <xdr:col>64</xdr:col>
      <xdr:colOff>152400</xdr:colOff>
      <xdr:row>86</xdr:row>
      <xdr:rowOff>66221</xdr:rowOff>
    </xdr:to>
    <xdr:sp macro="" textlink="">
      <xdr:nvSpPr>
        <xdr:cNvPr id="286" name="楕円 285"/>
        <xdr:cNvSpPr/>
      </xdr:nvSpPr>
      <xdr:spPr>
        <a:xfrm>
          <a:off x="13462000" y="14709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50998</xdr:rowOff>
    </xdr:from>
    <xdr:ext cx="762000" cy="259045"/>
    <xdr:sp macro="" textlink="">
      <xdr:nvSpPr>
        <xdr:cNvPr id="287" name="テキスト ボックス 286"/>
        <xdr:cNvSpPr txBox="1"/>
      </xdr:nvSpPr>
      <xdr:spPr>
        <a:xfrm>
          <a:off x="13131800" y="147956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第四次中期行財政運営計画」（平成</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8</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基づき職員数の削減を進めたことなどにより、類似団体平均を下回っている。引き続き市民サービスの質を確保しつつ、行政課題に対応した組織体制の構築を図るとともに、地域特性や類似団体等との比較による分析を踏まえ、適正な職員数による行財政運営に努める。</a:t>
          </a:r>
        </a:p>
      </xdr:txBody>
    </xdr:sp>
    <xdr:clientData/>
  </xdr:twoCellAnchor>
  <xdr:oneCellAnchor>
    <xdr:from>
      <xdr:col>61</xdr:col>
      <xdr:colOff>6350</xdr:colOff>
      <xdr:row>54</xdr:row>
      <xdr:rowOff>139700</xdr:rowOff>
    </xdr:from>
    <xdr:ext cx="349839" cy="225703"/>
    <xdr:sp macro="" textlink="">
      <xdr:nvSpPr>
        <xdr:cNvPr id="301" name="テキスト ボックス 300"/>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4" name="直線コネクタ 303"/>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5" name="テキスト ボックス 304"/>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6" name="直線コネクタ 305"/>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7" name="テキスト ボックス 306"/>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8" name="直線コネクタ 307"/>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9" name="テキスト ボックス 308"/>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0" name="直線コネクタ 309"/>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1" name="テキスト ボックス 310"/>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2" name="直線コネクタ 311"/>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3" name="テキスト ボックス 312"/>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7</xdr:row>
      <xdr:rowOff>13653</xdr:rowOff>
    </xdr:to>
    <xdr:cxnSp macro="">
      <xdr:nvCxnSpPr>
        <xdr:cNvPr id="317" name="直線コネクタ 316"/>
        <xdr:cNvCxnSpPr/>
      </xdr:nvCxnSpPr>
      <xdr:spPr>
        <a:xfrm flipV="1">
          <a:off x="17018000" y="10223923"/>
          <a:ext cx="0" cy="12768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57180</xdr:rowOff>
    </xdr:from>
    <xdr:ext cx="762000" cy="259045"/>
    <xdr:sp macro="" textlink="">
      <xdr:nvSpPr>
        <xdr:cNvPr id="318" name="定員管理の状況最小値テキスト"/>
        <xdr:cNvSpPr txBox="1"/>
      </xdr:nvSpPr>
      <xdr:spPr>
        <a:xfrm>
          <a:off x="17106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3653</xdr:rowOff>
    </xdr:from>
    <xdr:to>
      <xdr:col>81</xdr:col>
      <xdr:colOff>133350</xdr:colOff>
      <xdr:row>67</xdr:row>
      <xdr:rowOff>13653</xdr:rowOff>
    </xdr:to>
    <xdr:cxnSp macro="">
      <xdr:nvCxnSpPr>
        <xdr:cNvPr id="319" name="直線コネクタ 318"/>
        <xdr:cNvCxnSpPr/>
      </xdr:nvCxnSpPr>
      <xdr:spPr>
        <a:xfrm>
          <a:off x="16929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20" name="定員管理の状況最大値テキスト"/>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21" name="直線コネクタ 320"/>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03294</xdr:rowOff>
    </xdr:from>
    <xdr:to>
      <xdr:col>81</xdr:col>
      <xdr:colOff>44450</xdr:colOff>
      <xdr:row>61</xdr:row>
      <xdr:rowOff>111337</xdr:rowOff>
    </xdr:to>
    <xdr:cxnSp macro="">
      <xdr:nvCxnSpPr>
        <xdr:cNvPr id="322" name="直線コネクタ 321"/>
        <xdr:cNvCxnSpPr/>
      </xdr:nvCxnSpPr>
      <xdr:spPr>
        <a:xfrm>
          <a:off x="16179800" y="10561744"/>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118550</xdr:rowOff>
    </xdr:from>
    <xdr:ext cx="762000" cy="259045"/>
    <xdr:sp macro="" textlink="">
      <xdr:nvSpPr>
        <xdr:cNvPr id="323" name="定員管理の状況平均値テキスト"/>
        <xdr:cNvSpPr txBox="1"/>
      </xdr:nvSpPr>
      <xdr:spPr>
        <a:xfrm>
          <a:off x="17106900" y="1074845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46473</xdr:rowOff>
    </xdr:from>
    <xdr:to>
      <xdr:col>81</xdr:col>
      <xdr:colOff>95250</xdr:colOff>
      <xdr:row>63</xdr:row>
      <xdr:rowOff>76623</xdr:rowOff>
    </xdr:to>
    <xdr:sp macro="" textlink="">
      <xdr:nvSpPr>
        <xdr:cNvPr id="324" name="フローチャート: 判断 323"/>
        <xdr:cNvSpPr/>
      </xdr:nvSpPr>
      <xdr:spPr>
        <a:xfrm>
          <a:off x="16967200" y="1077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03294</xdr:rowOff>
    </xdr:from>
    <xdr:to>
      <xdr:col>77</xdr:col>
      <xdr:colOff>44450</xdr:colOff>
      <xdr:row>61</xdr:row>
      <xdr:rowOff>105304</xdr:rowOff>
    </xdr:to>
    <xdr:cxnSp macro="">
      <xdr:nvCxnSpPr>
        <xdr:cNvPr id="325" name="直線コネクタ 324"/>
        <xdr:cNvCxnSpPr/>
      </xdr:nvCxnSpPr>
      <xdr:spPr>
        <a:xfrm flipV="1">
          <a:off x="15290800" y="10561744"/>
          <a:ext cx="889000" cy="2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34408</xdr:rowOff>
    </xdr:from>
    <xdr:to>
      <xdr:col>77</xdr:col>
      <xdr:colOff>95250</xdr:colOff>
      <xdr:row>63</xdr:row>
      <xdr:rowOff>64558</xdr:rowOff>
    </xdr:to>
    <xdr:sp macro="" textlink="">
      <xdr:nvSpPr>
        <xdr:cNvPr id="326" name="フローチャート: 判断 325"/>
        <xdr:cNvSpPr/>
      </xdr:nvSpPr>
      <xdr:spPr>
        <a:xfrm>
          <a:off x="16129000" y="1076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9335</xdr:rowOff>
    </xdr:from>
    <xdr:ext cx="736600" cy="259045"/>
    <xdr:sp macro="" textlink="">
      <xdr:nvSpPr>
        <xdr:cNvPr id="327" name="テキスト ボックス 326"/>
        <xdr:cNvSpPr txBox="1"/>
      </xdr:nvSpPr>
      <xdr:spPr>
        <a:xfrm>
          <a:off x="15798800" y="10850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05304</xdr:rowOff>
    </xdr:from>
    <xdr:to>
      <xdr:col>72</xdr:col>
      <xdr:colOff>203200</xdr:colOff>
      <xdr:row>61</xdr:row>
      <xdr:rowOff>109326</xdr:rowOff>
    </xdr:to>
    <xdr:cxnSp macro="">
      <xdr:nvCxnSpPr>
        <xdr:cNvPr id="328" name="直線コネクタ 327"/>
        <xdr:cNvCxnSpPr/>
      </xdr:nvCxnSpPr>
      <xdr:spPr>
        <a:xfrm flipV="1">
          <a:off x="14401800" y="10563754"/>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6365</xdr:rowOff>
    </xdr:from>
    <xdr:to>
      <xdr:col>73</xdr:col>
      <xdr:colOff>44450</xdr:colOff>
      <xdr:row>63</xdr:row>
      <xdr:rowOff>56515</xdr:rowOff>
    </xdr:to>
    <xdr:sp macro="" textlink="">
      <xdr:nvSpPr>
        <xdr:cNvPr id="329" name="フローチャート: 判断 328"/>
        <xdr:cNvSpPr/>
      </xdr:nvSpPr>
      <xdr:spPr>
        <a:xfrm>
          <a:off x="15240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41292</xdr:rowOff>
    </xdr:from>
    <xdr:ext cx="762000" cy="259045"/>
    <xdr:sp macro="" textlink="">
      <xdr:nvSpPr>
        <xdr:cNvPr id="330" name="テキスト ボックス 329"/>
        <xdr:cNvSpPr txBox="1"/>
      </xdr:nvSpPr>
      <xdr:spPr>
        <a:xfrm>
          <a:off x="14909800" y="10842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97261</xdr:rowOff>
    </xdr:from>
    <xdr:to>
      <xdr:col>68</xdr:col>
      <xdr:colOff>152400</xdr:colOff>
      <xdr:row>61</xdr:row>
      <xdr:rowOff>109326</xdr:rowOff>
    </xdr:to>
    <xdr:cxnSp macro="">
      <xdr:nvCxnSpPr>
        <xdr:cNvPr id="331" name="直線コネクタ 330"/>
        <xdr:cNvCxnSpPr/>
      </xdr:nvCxnSpPr>
      <xdr:spPr>
        <a:xfrm>
          <a:off x="13512800" y="10555711"/>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4354</xdr:rowOff>
    </xdr:from>
    <xdr:to>
      <xdr:col>68</xdr:col>
      <xdr:colOff>203200</xdr:colOff>
      <xdr:row>63</xdr:row>
      <xdr:rowOff>54504</xdr:rowOff>
    </xdr:to>
    <xdr:sp macro="" textlink="">
      <xdr:nvSpPr>
        <xdr:cNvPr id="332" name="フローチャート: 判断 331"/>
        <xdr:cNvSpPr/>
      </xdr:nvSpPr>
      <xdr:spPr>
        <a:xfrm>
          <a:off x="14351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39281</xdr:rowOff>
    </xdr:from>
    <xdr:ext cx="762000" cy="259045"/>
    <xdr:sp macro="" textlink="">
      <xdr:nvSpPr>
        <xdr:cNvPr id="333" name="テキスト ボックス 332"/>
        <xdr:cNvSpPr txBox="1"/>
      </xdr:nvSpPr>
      <xdr:spPr>
        <a:xfrm>
          <a:off x="14020800" y="10840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14300</xdr:rowOff>
    </xdr:from>
    <xdr:to>
      <xdr:col>64</xdr:col>
      <xdr:colOff>152400</xdr:colOff>
      <xdr:row>63</xdr:row>
      <xdr:rowOff>44450</xdr:rowOff>
    </xdr:to>
    <xdr:sp macro="" textlink="">
      <xdr:nvSpPr>
        <xdr:cNvPr id="334" name="フローチャート: 判断 333"/>
        <xdr:cNvSpPr/>
      </xdr:nvSpPr>
      <xdr:spPr>
        <a:xfrm>
          <a:off x="13462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9227</xdr:rowOff>
    </xdr:from>
    <xdr:ext cx="762000" cy="259045"/>
    <xdr:sp macro="" textlink="">
      <xdr:nvSpPr>
        <xdr:cNvPr id="335" name="テキスト ボックス 334"/>
        <xdr:cNvSpPr txBox="1"/>
      </xdr:nvSpPr>
      <xdr:spPr>
        <a:xfrm>
          <a:off x="13131800" y="1083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537</xdr:rowOff>
    </xdr:from>
    <xdr:to>
      <xdr:col>81</xdr:col>
      <xdr:colOff>95250</xdr:colOff>
      <xdr:row>61</xdr:row>
      <xdr:rowOff>162137</xdr:rowOff>
    </xdr:to>
    <xdr:sp macro="" textlink="">
      <xdr:nvSpPr>
        <xdr:cNvPr id="341" name="楕円 340"/>
        <xdr:cNvSpPr/>
      </xdr:nvSpPr>
      <xdr:spPr>
        <a:xfrm>
          <a:off x="16967200" y="10518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77064</xdr:rowOff>
    </xdr:from>
    <xdr:ext cx="762000" cy="259045"/>
    <xdr:sp macro="" textlink="">
      <xdr:nvSpPr>
        <xdr:cNvPr id="342" name="定員管理の状況該当値テキスト"/>
        <xdr:cNvSpPr txBox="1"/>
      </xdr:nvSpPr>
      <xdr:spPr>
        <a:xfrm>
          <a:off x="17106900" y="10364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52494</xdr:rowOff>
    </xdr:from>
    <xdr:to>
      <xdr:col>77</xdr:col>
      <xdr:colOff>95250</xdr:colOff>
      <xdr:row>61</xdr:row>
      <xdr:rowOff>154094</xdr:rowOff>
    </xdr:to>
    <xdr:sp macro="" textlink="">
      <xdr:nvSpPr>
        <xdr:cNvPr id="343" name="楕円 342"/>
        <xdr:cNvSpPr/>
      </xdr:nvSpPr>
      <xdr:spPr>
        <a:xfrm>
          <a:off x="16129000" y="10510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64271</xdr:rowOff>
    </xdr:from>
    <xdr:ext cx="736600" cy="259045"/>
    <xdr:sp macro="" textlink="">
      <xdr:nvSpPr>
        <xdr:cNvPr id="344" name="テキスト ボックス 343"/>
        <xdr:cNvSpPr txBox="1"/>
      </xdr:nvSpPr>
      <xdr:spPr>
        <a:xfrm>
          <a:off x="15798800" y="102798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54504</xdr:rowOff>
    </xdr:from>
    <xdr:to>
      <xdr:col>73</xdr:col>
      <xdr:colOff>44450</xdr:colOff>
      <xdr:row>61</xdr:row>
      <xdr:rowOff>156104</xdr:rowOff>
    </xdr:to>
    <xdr:sp macro="" textlink="">
      <xdr:nvSpPr>
        <xdr:cNvPr id="345" name="楕円 344"/>
        <xdr:cNvSpPr/>
      </xdr:nvSpPr>
      <xdr:spPr>
        <a:xfrm>
          <a:off x="15240000" y="10512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66281</xdr:rowOff>
    </xdr:from>
    <xdr:ext cx="762000" cy="259045"/>
    <xdr:sp macro="" textlink="">
      <xdr:nvSpPr>
        <xdr:cNvPr id="346" name="テキスト ボックス 345"/>
        <xdr:cNvSpPr txBox="1"/>
      </xdr:nvSpPr>
      <xdr:spPr>
        <a:xfrm>
          <a:off x="14909800" y="10281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58526</xdr:rowOff>
    </xdr:from>
    <xdr:to>
      <xdr:col>68</xdr:col>
      <xdr:colOff>203200</xdr:colOff>
      <xdr:row>61</xdr:row>
      <xdr:rowOff>160126</xdr:rowOff>
    </xdr:to>
    <xdr:sp macro="" textlink="">
      <xdr:nvSpPr>
        <xdr:cNvPr id="347" name="楕円 346"/>
        <xdr:cNvSpPr/>
      </xdr:nvSpPr>
      <xdr:spPr>
        <a:xfrm>
          <a:off x="14351000" y="10516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70303</xdr:rowOff>
    </xdr:from>
    <xdr:ext cx="762000" cy="259045"/>
    <xdr:sp macro="" textlink="">
      <xdr:nvSpPr>
        <xdr:cNvPr id="348" name="テキスト ボックス 347"/>
        <xdr:cNvSpPr txBox="1"/>
      </xdr:nvSpPr>
      <xdr:spPr>
        <a:xfrm>
          <a:off x="14020800" y="10285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46461</xdr:rowOff>
    </xdr:from>
    <xdr:to>
      <xdr:col>64</xdr:col>
      <xdr:colOff>152400</xdr:colOff>
      <xdr:row>61</xdr:row>
      <xdr:rowOff>148061</xdr:rowOff>
    </xdr:to>
    <xdr:sp macro="" textlink="">
      <xdr:nvSpPr>
        <xdr:cNvPr id="349" name="楕円 348"/>
        <xdr:cNvSpPr/>
      </xdr:nvSpPr>
      <xdr:spPr>
        <a:xfrm>
          <a:off x="13462000" y="10504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58238</xdr:rowOff>
    </xdr:from>
    <xdr:ext cx="762000" cy="259045"/>
    <xdr:sp macro="" textlink="">
      <xdr:nvSpPr>
        <xdr:cNvPr id="350" name="テキスト ボックス 349"/>
        <xdr:cNvSpPr txBox="1"/>
      </xdr:nvSpPr>
      <xdr:spPr>
        <a:xfrm>
          <a:off x="13131800" y="10273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元利償還額の減はあるものの、元利又は準元利償還金に充当できる特定財源の大きな減により分子は増となった。標準財政規模の減はあるものの、算入公債費・準公債費の大きな減により分母は増となった。単年度の比率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り、三か年平均の比率は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今後は公共施設等総合管理計画に基づく大規模改修事業の実施などに伴い、多額の地方債発行が見込まれることから、引き続き、起債対象事業の限定や特例地方債の発行抑制を図り、将来に過度の負担を残さぬよう起債に依存することのない事業執行に努める。</a:t>
          </a: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53522</xdr:rowOff>
    </xdr:from>
    <xdr:to>
      <xdr:col>81</xdr:col>
      <xdr:colOff>44450</xdr:colOff>
      <xdr:row>44</xdr:row>
      <xdr:rowOff>73176</xdr:rowOff>
    </xdr:to>
    <xdr:cxnSp macro="">
      <xdr:nvCxnSpPr>
        <xdr:cNvPr id="380" name="直線コネクタ 379"/>
        <xdr:cNvCxnSpPr/>
      </xdr:nvCxnSpPr>
      <xdr:spPr>
        <a:xfrm flipV="1">
          <a:off x="17018000" y="6054272"/>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45253</xdr:rowOff>
    </xdr:from>
    <xdr:ext cx="762000" cy="259045"/>
    <xdr:sp macro="" textlink="">
      <xdr:nvSpPr>
        <xdr:cNvPr id="381" name="公債費負担の状況最小値テキスト"/>
        <xdr:cNvSpPr txBox="1"/>
      </xdr:nvSpPr>
      <xdr:spPr>
        <a:xfrm>
          <a:off x="17106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3176</xdr:rowOff>
    </xdr:from>
    <xdr:to>
      <xdr:col>81</xdr:col>
      <xdr:colOff>133350</xdr:colOff>
      <xdr:row>44</xdr:row>
      <xdr:rowOff>73176</xdr:rowOff>
    </xdr:to>
    <xdr:cxnSp macro="">
      <xdr:nvCxnSpPr>
        <xdr:cNvPr id="382" name="直線コネクタ 381"/>
        <xdr:cNvCxnSpPr/>
      </xdr:nvCxnSpPr>
      <xdr:spPr>
        <a:xfrm>
          <a:off x="16929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39899</xdr:rowOff>
    </xdr:from>
    <xdr:ext cx="762000" cy="259045"/>
    <xdr:sp macro="" textlink="">
      <xdr:nvSpPr>
        <xdr:cNvPr id="383" name="公債費負担の状況最大値テキスト"/>
        <xdr:cNvSpPr txBox="1"/>
      </xdr:nvSpPr>
      <xdr:spPr>
        <a:xfrm>
          <a:off x="17106900" y="579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53522</xdr:rowOff>
    </xdr:from>
    <xdr:to>
      <xdr:col>81</xdr:col>
      <xdr:colOff>133350</xdr:colOff>
      <xdr:row>35</xdr:row>
      <xdr:rowOff>53522</xdr:rowOff>
    </xdr:to>
    <xdr:cxnSp macro="">
      <xdr:nvCxnSpPr>
        <xdr:cNvPr id="384" name="直線コネクタ 383"/>
        <xdr:cNvCxnSpPr/>
      </xdr:nvCxnSpPr>
      <xdr:spPr>
        <a:xfrm>
          <a:off x="16929100" y="6054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158750</xdr:rowOff>
    </xdr:from>
    <xdr:to>
      <xdr:col>81</xdr:col>
      <xdr:colOff>44450</xdr:colOff>
      <xdr:row>37</xdr:row>
      <xdr:rowOff>170241</xdr:rowOff>
    </xdr:to>
    <xdr:cxnSp macro="">
      <xdr:nvCxnSpPr>
        <xdr:cNvPr id="385" name="直線コネクタ 384"/>
        <xdr:cNvCxnSpPr/>
      </xdr:nvCxnSpPr>
      <xdr:spPr>
        <a:xfrm flipV="1">
          <a:off x="16179800" y="6502400"/>
          <a:ext cx="8382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59768</xdr:rowOff>
    </xdr:from>
    <xdr:ext cx="762000" cy="259045"/>
    <xdr:sp macro="" textlink="">
      <xdr:nvSpPr>
        <xdr:cNvPr id="386" name="公債費負担の状況平均値テキスト"/>
        <xdr:cNvSpPr txBox="1"/>
      </xdr:nvSpPr>
      <xdr:spPr>
        <a:xfrm>
          <a:off x="17106900" y="69177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7691</xdr:rowOff>
    </xdr:from>
    <xdr:to>
      <xdr:col>81</xdr:col>
      <xdr:colOff>95250</xdr:colOff>
      <xdr:row>41</xdr:row>
      <xdr:rowOff>17841</xdr:rowOff>
    </xdr:to>
    <xdr:sp macro="" textlink="">
      <xdr:nvSpPr>
        <xdr:cNvPr id="387" name="フローチャート: 判断 386"/>
        <xdr:cNvSpPr/>
      </xdr:nvSpPr>
      <xdr:spPr>
        <a:xfrm>
          <a:off x="16967200" y="6945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170241</xdr:rowOff>
    </xdr:from>
    <xdr:to>
      <xdr:col>77</xdr:col>
      <xdr:colOff>44450</xdr:colOff>
      <xdr:row>38</xdr:row>
      <xdr:rowOff>10281</xdr:rowOff>
    </xdr:to>
    <xdr:cxnSp macro="">
      <xdr:nvCxnSpPr>
        <xdr:cNvPr id="388" name="直線コネクタ 387"/>
        <xdr:cNvCxnSpPr/>
      </xdr:nvCxnSpPr>
      <xdr:spPr>
        <a:xfrm flipV="1">
          <a:off x="15290800" y="6513891"/>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89" name="フローチャート: 判断 388"/>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90" name="テキスト ボックス 389"/>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58750</xdr:rowOff>
    </xdr:from>
    <xdr:to>
      <xdr:col>72</xdr:col>
      <xdr:colOff>203200</xdr:colOff>
      <xdr:row>38</xdr:row>
      <xdr:rowOff>10281</xdr:rowOff>
    </xdr:to>
    <xdr:cxnSp macro="">
      <xdr:nvCxnSpPr>
        <xdr:cNvPr id="391" name="直線コネクタ 390"/>
        <xdr:cNvCxnSpPr/>
      </xdr:nvCxnSpPr>
      <xdr:spPr>
        <a:xfrm>
          <a:off x="14401800" y="6502400"/>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92" name="フローチャート: 判断 391"/>
        <xdr:cNvSpPr/>
      </xdr:nvSpPr>
      <xdr:spPr>
        <a:xfrm>
          <a:off x="15240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105</xdr:rowOff>
    </xdr:from>
    <xdr:ext cx="762000" cy="259045"/>
    <xdr:sp macro="" textlink="">
      <xdr:nvSpPr>
        <xdr:cNvPr id="393" name="テキスト ボックス 392"/>
        <xdr:cNvSpPr txBox="1"/>
      </xdr:nvSpPr>
      <xdr:spPr>
        <a:xfrm>
          <a:off x="14909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47260</xdr:rowOff>
    </xdr:from>
    <xdr:to>
      <xdr:col>68</xdr:col>
      <xdr:colOff>152400</xdr:colOff>
      <xdr:row>37</xdr:row>
      <xdr:rowOff>158750</xdr:rowOff>
    </xdr:to>
    <xdr:cxnSp macro="">
      <xdr:nvCxnSpPr>
        <xdr:cNvPr id="394" name="直線コネクタ 393"/>
        <xdr:cNvCxnSpPr/>
      </xdr:nvCxnSpPr>
      <xdr:spPr>
        <a:xfrm>
          <a:off x="13512800" y="6490910"/>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5" name="フローチャート: 判断 394"/>
        <xdr:cNvSpPr/>
      </xdr:nvSpPr>
      <xdr:spPr>
        <a:xfrm>
          <a:off x="14351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6" name="テキスト ボックス 395"/>
        <xdr:cNvSpPr txBox="1"/>
      </xdr:nvSpPr>
      <xdr:spPr>
        <a:xfrm>
          <a:off x="14020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7" name="フローチャート: 判断 396"/>
        <xdr:cNvSpPr/>
      </xdr:nvSpPr>
      <xdr:spPr>
        <a:xfrm>
          <a:off x="13462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398" name="テキスト ボックス 397"/>
        <xdr:cNvSpPr txBox="1"/>
      </xdr:nvSpPr>
      <xdr:spPr>
        <a:xfrm>
          <a:off x="13131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07950</xdr:rowOff>
    </xdr:from>
    <xdr:to>
      <xdr:col>81</xdr:col>
      <xdr:colOff>95250</xdr:colOff>
      <xdr:row>38</xdr:row>
      <xdr:rowOff>38100</xdr:rowOff>
    </xdr:to>
    <xdr:sp macro="" textlink="">
      <xdr:nvSpPr>
        <xdr:cNvPr id="404" name="楕円 403"/>
        <xdr:cNvSpPr/>
      </xdr:nvSpPr>
      <xdr:spPr>
        <a:xfrm>
          <a:off x="169672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24477</xdr:rowOff>
    </xdr:from>
    <xdr:ext cx="762000" cy="259045"/>
    <xdr:sp macro="" textlink="">
      <xdr:nvSpPr>
        <xdr:cNvPr id="405" name="公債費負担の状況該当値テキスト"/>
        <xdr:cNvSpPr txBox="1"/>
      </xdr:nvSpPr>
      <xdr:spPr>
        <a:xfrm>
          <a:off x="171069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19440</xdr:rowOff>
    </xdr:from>
    <xdr:to>
      <xdr:col>77</xdr:col>
      <xdr:colOff>95250</xdr:colOff>
      <xdr:row>38</xdr:row>
      <xdr:rowOff>49591</xdr:rowOff>
    </xdr:to>
    <xdr:sp macro="" textlink="">
      <xdr:nvSpPr>
        <xdr:cNvPr id="406" name="楕円 405"/>
        <xdr:cNvSpPr/>
      </xdr:nvSpPr>
      <xdr:spPr>
        <a:xfrm>
          <a:off x="16129000" y="646309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59767</xdr:rowOff>
    </xdr:from>
    <xdr:ext cx="736600" cy="259045"/>
    <xdr:sp macro="" textlink="">
      <xdr:nvSpPr>
        <xdr:cNvPr id="407" name="テキスト ボックス 406"/>
        <xdr:cNvSpPr txBox="1"/>
      </xdr:nvSpPr>
      <xdr:spPr>
        <a:xfrm>
          <a:off x="15798800" y="6231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30931</xdr:rowOff>
    </xdr:from>
    <xdr:to>
      <xdr:col>73</xdr:col>
      <xdr:colOff>44450</xdr:colOff>
      <xdr:row>38</xdr:row>
      <xdr:rowOff>61081</xdr:rowOff>
    </xdr:to>
    <xdr:sp macro="" textlink="">
      <xdr:nvSpPr>
        <xdr:cNvPr id="408" name="楕円 407"/>
        <xdr:cNvSpPr/>
      </xdr:nvSpPr>
      <xdr:spPr>
        <a:xfrm>
          <a:off x="15240000" y="647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71258</xdr:rowOff>
    </xdr:from>
    <xdr:ext cx="762000" cy="259045"/>
    <xdr:sp macro="" textlink="">
      <xdr:nvSpPr>
        <xdr:cNvPr id="409" name="テキスト ボックス 408"/>
        <xdr:cNvSpPr txBox="1"/>
      </xdr:nvSpPr>
      <xdr:spPr>
        <a:xfrm>
          <a:off x="14909800" y="6243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07950</xdr:rowOff>
    </xdr:from>
    <xdr:to>
      <xdr:col>68</xdr:col>
      <xdr:colOff>203200</xdr:colOff>
      <xdr:row>38</xdr:row>
      <xdr:rowOff>38100</xdr:rowOff>
    </xdr:to>
    <xdr:sp macro="" textlink="">
      <xdr:nvSpPr>
        <xdr:cNvPr id="410" name="楕円 409"/>
        <xdr:cNvSpPr/>
      </xdr:nvSpPr>
      <xdr:spPr>
        <a:xfrm>
          <a:off x="14351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48277</xdr:rowOff>
    </xdr:from>
    <xdr:ext cx="762000" cy="259045"/>
    <xdr:sp macro="" textlink="">
      <xdr:nvSpPr>
        <xdr:cNvPr id="411" name="テキスト ボックス 410"/>
        <xdr:cNvSpPr txBox="1"/>
      </xdr:nvSpPr>
      <xdr:spPr>
        <a:xfrm>
          <a:off x="14020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96460</xdr:rowOff>
    </xdr:from>
    <xdr:to>
      <xdr:col>64</xdr:col>
      <xdr:colOff>152400</xdr:colOff>
      <xdr:row>38</xdr:row>
      <xdr:rowOff>26609</xdr:rowOff>
    </xdr:to>
    <xdr:sp macro="" textlink="">
      <xdr:nvSpPr>
        <xdr:cNvPr id="412" name="楕円 411"/>
        <xdr:cNvSpPr/>
      </xdr:nvSpPr>
      <xdr:spPr>
        <a:xfrm>
          <a:off x="13462000" y="644011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36787</xdr:rowOff>
    </xdr:from>
    <xdr:ext cx="762000" cy="259045"/>
    <xdr:sp macro="" textlink="">
      <xdr:nvSpPr>
        <xdr:cNvPr id="413" name="テキスト ボックス 412"/>
        <xdr:cNvSpPr txBox="1"/>
      </xdr:nvSpPr>
      <xdr:spPr>
        <a:xfrm>
          <a:off x="13131800" y="6208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４年度決算においても、基金などの充当可能財源等が、地方債現在高や退職手当負担見込額などの将来負担額を上回っていることから将来負担比率は算定されなかった。なお、比率を算定した場合△</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0.9</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る。今後、公共施設等総合管理計画に基づく大規模改修事業の実施などに伴い、多額の建設事業債の発行や基金の繰入が見込まれることから、引き続き経費削減による基金の積み増しや起債対象事業の限定など、比率の上昇を抑制するよう努める。</a:t>
          </a: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94252</xdr:rowOff>
    </xdr:to>
    <xdr:cxnSp macro="">
      <xdr:nvCxnSpPr>
        <xdr:cNvPr id="444" name="直線コネクタ 443"/>
        <xdr:cNvCxnSpPr/>
      </xdr:nvCxnSpPr>
      <xdr:spPr>
        <a:xfrm flipV="1">
          <a:off x="17018000" y="2313214"/>
          <a:ext cx="0" cy="1552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66329</xdr:rowOff>
    </xdr:from>
    <xdr:ext cx="762000" cy="259045"/>
    <xdr:sp macro="" textlink="">
      <xdr:nvSpPr>
        <xdr:cNvPr id="445" name="将来負担の状況最小値テキスト"/>
        <xdr:cNvSpPr txBox="1"/>
      </xdr:nvSpPr>
      <xdr:spPr>
        <a:xfrm>
          <a:off x="17106900" y="3838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94252</xdr:rowOff>
    </xdr:from>
    <xdr:to>
      <xdr:col>81</xdr:col>
      <xdr:colOff>133350</xdr:colOff>
      <xdr:row>22</xdr:row>
      <xdr:rowOff>94252</xdr:rowOff>
    </xdr:to>
    <xdr:cxnSp macro="">
      <xdr:nvCxnSpPr>
        <xdr:cNvPr id="446" name="直線コネクタ 445"/>
        <xdr:cNvCxnSpPr/>
      </xdr:nvCxnSpPr>
      <xdr:spPr>
        <a:xfrm>
          <a:off x="16929100" y="3866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7" name="将来負担の状況最大値テキスト"/>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5641</xdr:rowOff>
    </xdr:from>
    <xdr:ext cx="762000" cy="259045"/>
    <xdr:sp macro="" textlink="">
      <xdr:nvSpPr>
        <xdr:cNvPr id="449" name="将来負担の状況平均値テキスト"/>
        <xdr:cNvSpPr txBox="1"/>
      </xdr:nvSpPr>
      <xdr:spPr>
        <a:xfrm>
          <a:off x="17106900" y="2234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0" name="フローチャート: 判断 449"/>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51" name="フローチャート: 判断 450"/>
        <xdr:cNvSpPr/>
      </xdr:nvSpPr>
      <xdr:spPr>
        <a:xfrm>
          <a:off x="16129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52" name="テキスト ボックス 451"/>
        <xdr:cNvSpPr txBox="1"/>
      </xdr:nvSpPr>
      <xdr:spPr>
        <a:xfrm>
          <a:off x="15798800" y="2031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00784</xdr:rowOff>
    </xdr:from>
    <xdr:to>
      <xdr:col>73</xdr:col>
      <xdr:colOff>44450</xdr:colOff>
      <xdr:row>14</xdr:row>
      <xdr:rowOff>30934</xdr:rowOff>
    </xdr:to>
    <xdr:sp macro="" textlink="">
      <xdr:nvSpPr>
        <xdr:cNvPr id="453" name="フローチャート: 判断 452"/>
        <xdr:cNvSpPr/>
      </xdr:nvSpPr>
      <xdr:spPr>
        <a:xfrm>
          <a:off x="15240000" y="232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41111</xdr:rowOff>
    </xdr:from>
    <xdr:ext cx="762000" cy="259045"/>
    <xdr:sp macro="" textlink="">
      <xdr:nvSpPr>
        <xdr:cNvPr id="454" name="テキスト ボックス 453"/>
        <xdr:cNvSpPr txBox="1"/>
      </xdr:nvSpPr>
      <xdr:spPr>
        <a:xfrm>
          <a:off x="14909800" y="2098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126637</xdr:rowOff>
    </xdr:from>
    <xdr:to>
      <xdr:col>68</xdr:col>
      <xdr:colOff>203200</xdr:colOff>
      <xdr:row>14</xdr:row>
      <xdr:rowOff>56787</xdr:rowOff>
    </xdr:to>
    <xdr:sp macro="" textlink="">
      <xdr:nvSpPr>
        <xdr:cNvPr id="455" name="フローチャート: 判断 454"/>
        <xdr:cNvSpPr/>
      </xdr:nvSpPr>
      <xdr:spPr>
        <a:xfrm>
          <a:off x="14351000" y="235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66964</xdr:rowOff>
    </xdr:from>
    <xdr:ext cx="762000" cy="259045"/>
    <xdr:sp macro="" textlink="">
      <xdr:nvSpPr>
        <xdr:cNvPr id="456" name="テキスト ボックス 455"/>
        <xdr:cNvSpPr txBox="1"/>
      </xdr:nvSpPr>
      <xdr:spPr>
        <a:xfrm>
          <a:off x="14020800" y="2124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19743</xdr:rowOff>
    </xdr:from>
    <xdr:to>
      <xdr:col>64</xdr:col>
      <xdr:colOff>152400</xdr:colOff>
      <xdr:row>14</xdr:row>
      <xdr:rowOff>49893</xdr:rowOff>
    </xdr:to>
    <xdr:sp macro="" textlink="">
      <xdr:nvSpPr>
        <xdr:cNvPr id="457" name="フローチャート: 判断 456"/>
        <xdr:cNvSpPr/>
      </xdr:nvSpPr>
      <xdr:spPr>
        <a:xfrm>
          <a:off x="13462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60070</xdr:rowOff>
    </xdr:from>
    <xdr:ext cx="762000" cy="259045"/>
    <xdr:sp macro="" textlink="">
      <xdr:nvSpPr>
        <xdr:cNvPr id="458" name="テキスト ボックス 457"/>
        <xdr:cNvSpPr txBox="1"/>
      </xdr:nvSpPr>
      <xdr:spPr>
        <a:xfrm>
          <a:off x="13131800" y="2117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昭島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4,259
111,346
17.34
52,147,529
49,629,263
2,378,040
22,984,135
16,226,8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４年度は、退職手当の減などにより、分子にあたる経常的経費充当一般財源が減となったものの、分母にあたる経常一般財源等の減が分子の減を上回ったことから、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となった。今後も引き続き、市民サービスの質を確保しつつ、行政課題に対応した組織体制の構築を図るとともに、地域特性や類似団体等との比較による分析を踏まえ、適正な職員数による行財政運営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4130</xdr:rowOff>
    </xdr:from>
    <xdr:to>
      <xdr:col>24</xdr:col>
      <xdr:colOff>25400</xdr:colOff>
      <xdr:row>41</xdr:row>
      <xdr:rowOff>124714</xdr:rowOff>
    </xdr:to>
    <xdr:cxnSp macro="">
      <xdr:nvCxnSpPr>
        <xdr:cNvPr id="59" name="直線コネクタ 58"/>
        <xdr:cNvCxnSpPr/>
      </xdr:nvCxnSpPr>
      <xdr:spPr>
        <a:xfrm flipV="1">
          <a:off x="4826000" y="5681980"/>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6791</xdr:rowOff>
    </xdr:from>
    <xdr:ext cx="762000" cy="259045"/>
    <xdr:sp macro="" textlink="">
      <xdr:nvSpPr>
        <xdr:cNvPr id="60" name="人件費最小値テキスト"/>
        <xdr:cNvSpPr txBox="1"/>
      </xdr:nvSpPr>
      <xdr:spPr>
        <a:xfrm>
          <a:off x="4914900" y="7126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24714</xdr:rowOff>
    </xdr:from>
    <xdr:to>
      <xdr:col>24</xdr:col>
      <xdr:colOff>114300</xdr:colOff>
      <xdr:row>41</xdr:row>
      <xdr:rowOff>124714</xdr:rowOff>
    </xdr:to>
    <xdr:cxnSp macro="">
      <xdr:nvCxnSpPr>
        <xdr:cNvPr id="61" name="直線コネクタ 60"/>
        <xdr:cNvCxnSpPr/>
      </xdr:nvCxnSpPr>
      <xdr:spPr>
        <a:xfrm>
          <a:off x="4737100" y="7154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0507</xdr:rowOff>
    </xdr:from>
    <xdr:ext cx="762000" cy="259045"/>
    <xdr:sp macro="" textlink="">
      <xdr:nvSpPr>
        <xdr:cNvPr id="62" name="人件費最大値テキスト"/>
        <xdr:cNvSpPr txBox="1"/>
      </xdr:nvSpPr>
      <xdr:spPr>
        <a:xfrm>
          <a:off x="4914900" y="5425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4130</xdr:rowOff>
    </xdr:from>
    <xdr:to>
      <xdr:col>24</xdr:col>
      <xdr:colOff>114300</xdr:colOff>
      <xdr:row>33</xdr:row>
      <xdr:rowOff>24130</xdr:rowOff>
    </xdr:to>
    <xdr:cxnSp macro="">
      <xdr:nvCxnSpPr>
        <xdr:cNvPr id="63" name="直線コネクタ 62"/>
        <xdr:cNvCxnSpPr/>
      </xdr:nvCxnSpPr>
      <xdr:spPr>
        <a:xfrm>
          <a:off x="4737100" y="5681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22428</xdr:rowOff>
    </xdr:from>
    <xdr:to>
      <xdr:col>24</xdr:col>
      <xdr:colOff>25400</xdr:colOff>
      <xdr:row>37</xdr:row>
      <xdr:rowOff>115570</xdr:rowOff>
    </xdr:to>
    <xdr:cxnSp macro="">
      <xdr:nvCxnSpPr>
        <xdr:cNvPr id="64" name="直線コネクタ 63"/>
        <xdr:cNvCxnSpPr/>
      </xdr:nvCxnSpPr>
      <xdr:spPr>
        <a:xfrm>
          <a:off x="3987800" y="6294628"/>
          <a:ext cx="838200" cy="164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9143</xdr:rowOff>
    </xdr:from>
    <xdr:ext cx="762000" cy="259045"/>
    <xdr:sp macro="" textlink="">
      <xdr:nvSpPr>
        <xdr:cNvPr id="65" name="人件費平均値テキスト"/>
        <xdr:cNvSpPr txBox="1"/>
      </xdr:nvSpPr>
      <xdr:spPr>
        <a:xfrm>
          <a:off x="4914900" y="64627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7066</xdr:rowOff>
    </xdr:from>
    <xdr:to>
      <xdr:col>24</xdr:col>
      <xdr:colOff>76200</xdr:colOff>
      <xdr:row>38</xdr:row>
      <xdr:rowOff>77215</xdr:rowOff>
    </xdr:to>
    <xdr:sp macro="" textlink="">
      <xdr:nvSpPr>
        <xdr:cNvPr id="66" name="フローチャート: 判断 65"/>
        <xdr:cNvSpPr/>
      </xdr:nvSpPr>
      <xdr:spPr>
        <a:xfrm>
          <a:off x="47752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22428</xdr:rowOff>
    </xdr:from>
    <xdr:to>
      <xdr:col>19</xdr:col>
      <xdr:colOff>187325</xdr:colOff>
      <xdr:row>38</xdr:row>
      <xdr:rowOff>81280</xdr:rowOff>
    </xdr:to>
    <xdr:cxnSp macro="">
      <xdr:nvCxnSpPr>
        <xdr:cNvPr id="67" name="直線コネクタ 66"/>
        <xdr:cNvCxnSpPr/>
      </xdr:nvCxnSpPr>
      <xdr:spPr>
        <a:xfrm flipV="1">
          <a:off x="3098800" y="6294628"/>
          <a:ext cx="889000" cy="301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10490</xdr:rowOff>
    </xdr:from>
    <xdr:to>
      <xdr:col>20</xdr:col>
      <xdr:colOff>38100</xdr:colOff>
      <xdr:row>38</xdr:row>
      <xdr:rowOff>40640</xdr:rowOff>
    </xdr:to>
    <xdr:sp macro="" textlink="">
      <xdr:nvSpPr>
        <xdr:cNvPr id="68" name="フローチャート: 判断 67"/>
        <xdr:cNvSpPr/>
      </xdr:nvSpPr>
      <xdr:spPr>
        <a:xfrm>
          <a:off x="39370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25417</xdr:rowOff>
    </xdr:from>
    <xdr:ext cx="736600" cy="259045"/>
    <xdr:sp macro="" textlink="">
      <xdr:nvSpPr>
        <xdr:cNvPr id="69" name="テキスト ボックス 68"/>
        <xdr:cNvSpPr txBox="1"/>
      </xdr:nvSpPr>
      <xdr:spPr>
        <a:xfrm>
          <a:off x="3606800" y="6540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51562</xdr:rowOff>
    </xdr:from>
    <xdr:to>
      <xdr:col>15</xdr:col>
      <xdr:colOff>98425</xdr:colOff>
      <xdr:row>38</xdr:row>
      <xdr:rowOff>81280</xdr:rowOff>
    </xdr:to>
    <xdr:cxnSp macro="">
      <xdr:nvCxnSpPr>
        <xdr:cNvPr id="70" name="直線コネクタ 69"/>
        <xdr:cNvCxnSpPr/>
      </xdr:nvCxnSpPr>
      <xdr:spPr>
        <a:xfrm>
          <a:off x="2209800" y="6395212"/>
          <a:ext cx="889000" cy="20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94488</xdr:rowOff>
    </xdr:from>
    <xdr:to>
      <xdr:col>15</xdr:col>
      <xdr:colOff>149225</xdr:colOff>
      <xdr:row>39</xdr:row>
      <xdr:rowOff>24638</xdr:rowOff>
    </xdr:to>
    <xdr:sp macro="" textlink="">
      <xdr:nvSpPr>
        <xdr:cNvPr id="71" name="フローチャート: 判断 70"/>
        <xdr:cNvSpPr/>
      </xdr:nvSpPr>
      <xdr:spPr>
        <a:xfrm>
          <a:off x="3048000" y="660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9415</xdr:rowOff>
    </xdr:from>
    <xdr:ext cx="762000" cy="259045"/>
    <xdr:sp macro="" textlink="">
      <xdr:nvSpPr>
        <xdr:cNvPr id="72" name="テキスト ボックス 71"/>
        <xdr:cNvSpPr txBox="1"/>
      </xdr:nvSpPr>
      <xdr:spPr>
        <a:xfrm>
          <a:off x="2717800" y="6695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51562</xdr:rowOff>
    </xdr:from>
    <xdr:to>
      <xdr:col>11</xdr:col>
      <xdr:colOff>9525</xdr:colOff>
      <xdr:row>37</xdr:row>
      <xdr:rowOff>78994</xdr:rowOff>
    </xdr:to>
    <xdr:cxnSp macro="">
      <xdr:nvCxnSpPr>
        <xdr:cNvPr id="73" name="直線コネクタ 72"/>
        <xdr:cNvCxnSpPr/>
      </xdr:nvCxnSpPr>
      <xdr:spPr>
        <a:xfrm flipV="1">
          <a:off x="1320800" y="639521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47066</xdr:rowOff>
    </xdr:from>
    <xdr:to>
      <xdr:col>11</xdr:col>
      <xdr:colOff>60325</xdr:colOff>
      <xdr:row>38</xdr:row>
      <xdr:rowOff>77215</xdr:rowOff>
    </xdr:to>
    <xdr:sp macro="" textlink="">
      <xdr:nvSpPr>
        <xdr:cNvPr id="74" name="フローチャート: 判断 73"/>
        <xdr:cNvSpPr/>
      </xdr:nvSpPr>
      <xdr:spPr>
        <a:xfrm>
          <a:off x="21590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61993</xdr:rowOff>
    </xdr:from>
    <xdr:ext cx="762000" cy="259045"/>
    <xdr:sp macro="" textlink="">
      <xdr:nvSpPr>
        <xdr:cNvPr id="75" name="テキスト ボックス 74"/>
        <xdr:cNvSpPr txBox="1"/>
      </xdr:nvSpPr>
      <xdr:spPr>
        <a:xfrm>
          <a:off x="1828800" y="6577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65354</xdr:rowOff>
    </xdr:from>
    <xdr:to>
      <xdr:col>6</xdr:col>
      <xdr:colOff>171450</xdr:colOff>
      <xdr:row>38</xdr:row>
      <xdr:rowOff>95504</xdr:rowOff>
    </xdr:to>
    <xdr:sp macro="" textlink="">
      <xdr:nvSpPr>
        <xdr:cNvPr id="76" name="フローチャート: 判断 75"/>
        <xdr:cNvSpPr/>
      </xdr:nvSpPr>
      <xdr:spPr>
        <a:xfrm>
          <a:off x="1270000" y="65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80281</xdr:rowOff>
    </xdr:from>
    <xdr:ext cx="762000" cy="259045"/>
    <xdr:sp macro="" textlink="">
      <xdr:nvSpPr>
        <xdr:cNvPr id="77" name="テキスト ボックス 76"/>
        <xdr:cNvSpPr txBox="1"/>
      </xdr:nvSpPr>
      <xdr:spPr>
        <a:xfrm>
          <a:off x="939800" y="6595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64770</xdr:rowOff>
    </xdr:from>
    <xdr:to>
      <xdr:col>24</xdr:col>
      <xdr:colOff>76200</xdr:colOff>
      <xdr:row>37</xdr:row>
      <xdr:rowOff>166370</xdr:rowOff>
    </xdr:to>
    <xdr:sp macro="" textlink="">
      <xdr:nvSpPr>
        <xdr:cNvPr id="83" name="楕円 82"/>
        <xdr:cNvSpPr/>
      </xdr:nvSpPr>
      <xdr:spPr>
        <a:xfrm>
          <a:off x="4775200" y="640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81297</xdr:rowOff>
    </xdr:from>
    <xdr:ext cx="762000" cy="259045"/>
    <xdr:sp macro="" textlink="">
      <xdr:nvSpPr>
        <xdr:cNvPr id="84" name="人件費該当値テキスト"/>
        <xdr:cNvSpPr txBox="1"/>
      </xdr:nvSpPr>
      <xdr:spPr>
        <a:xfrm>
          <a:off x="4914900" y="6253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71628</xdr:rowOff>
    </xdr:from>
    <xdr:to>
      <xdr:col>20</xdr:col>
      <xdr:colOff>38100</xdr:colOff>
      <xdr:row>37</xdr:row>
      <xdr:rowOff>1778</xdr:rowOff>
    </xdr:to>
    <xdr:sp macro="" textlink="">
      <xdr:nvSpPr>
        <xdr:cNvPr id="85" name="楕円 84"/>
        <xdr:cNvSpPr/>
      </xdr:nvSpPr>
      <xdr:spPr>
        <a:xfrm>
          <a:off x="3937000" y="624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1955</xdr:rowOff>
    </xdr:from>
    <xdr:ext cx="736600" cy="259045"/>
    <xdr:sp macro="" textlink="">
      <xdr:nvSpPr>
        <xdr:cNvPr id="86" name="テキスト ボックス 85"/>
        <xdr:cNvSpPr txBox="1"/>
      </xdr:nvSpPr>
      <xdr:spPr>
        <a:xfrm>
          <a:off x="3606800" y="6012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30480</xdr:rowOff>
    </xdr:from>
    <xdr:to>
      <xdr:col>15</xdr:col>
      <xdr:colOff>149225</xdr:colOff>
      <xdr:row>38</xdr:row>
      <xdr:rowOff>132080</xdr:rowOff>
    </xdr:to>
    <xdr:sp macro="" textlink="">
      <xdr:nvSpPr>
        <xdr:cNvPr id="87" name="楕円 86"/>
        <xdr:cNvSpPr/>
      </xdr:nvSpPr>
      <xdr:spPr>
        <a:xfrm>
          <a:off x="3048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42257</xdr:rowOff>
    </xdr:from>
    <xdr:ext cx="762000" cy="259045"/>
    <xdr:sp macro="" textlink="">
      <xdr:nvSpPr>
        <xdr:cNvPr id="88" name="テキスト ボックス 87"/>
        <xdr:cNvSpPr txBox="1"/>
      </xdr:nvSpPr>
      <xdr:spPr>
        <a:xfrm>
          <a:off x="2717800" y="6314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762</xdr:rowOff>
    </xdr:from>
    <xdr:to>
      <xdr:col>11</xdr:col>
      <xdr:colOff>60325</xdr:colOff>
      <xdr:row>37</xdr:row>
      <xdr:rowOff>102362</xdr:rowOff>
    </xdr:to>
    <xdr:sp macro="" textlink="">
      <xdr:nvSpPr>
        <xdr:cNvPr id="89" name="楕円 88"/>
        <xdr:cNvSpPr/>
      </xdr:nvSpPr>
      <xdr:spPr>
        <a:xfrm>
          <a:off x="2159000" y="6344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12539</xdr:rowOff>
    </xdr:from>
    <xdr:ext cx="762000" cy="259045"/>
    <xdr:sp macro="" textlink="">
      <xdr:nvSpPr>
        <xdr:cNvPr id="90" name="テキスト ボックス 89"/>
        <xdr:cNvSpPr txBox="1"/>
      </xdr:nvSpPr>
      <xdr:spPr>
        <a:xfrm>
          <a:off x="1828800" y="6113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28194</xdr:rowOff>
    </xdr:from>
    <xdr:to>
      <xdr:col>6</xdr:col>
      <xdr:colOff>171450</xdr:colOff>
      <xdr:row>37</xdr:row>
      <xdr:rowOff>129794</xdr:rowOff>
    </xdr:to>
    <xdr:sp macro="" textlink="">
      <xdr:nvSpPr>
        <xdr:cNvPr id="91" name="楕円 90"/>
        <xdr:cNvSpPr/>
      </xdr:nvSpPr>
      <xdr:spPr>
        <a:xfrm>
          <a:off x="1270000" y="6371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39971</xdr:rowOff>
    </xdr:from>
    <xdr:ext cx="762000" cy="259045"/>
    <xdr:sp macro="" textlink="">
      <xdr:nvSpPr>
        <xdr:cNvPr id="92" name="テキスト ボックス 91"/>
        <xdr:cNvSpPr txBox="1"/>
      </xdr:nvSpPr>
      <xdr:spPr>
        <a:xfrm>
          <a:off x="939800" y="6140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４年度は、燃料費高騰に伴う光熱費の増や予防接種事業の増などにより、分子にあたる物件費の経常的経費充当一般財源等が増となり、分母にあたる経常一般財源等は減となったことから、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となっており、類似団体と比較しても高い数値となっている。今後、使用料・手数料等受益者負担の見直しの検討を行うとともに、行財政改革を推進しながら、将来を見据えた計画的な財政運営に努める。</a:t>
          </a: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6307</xdr:rowOff>
    </xdr:from>
    <xdr:to>
      <xdr:col>82</xdr:col>
      <xdr:colOff>107950</xdr:colOff>
      <xdr:row>22</xdr:row>
      <xdr:rowOff>72572</xdr:rowOff>
    </xdr:to>
    <xdr:cxnSp macro="">
      <xdr:nvCxnSpPr>
        <xdr:cNvPr id="122" name="直線コネクタ 121"/>
        <xdr:cNvCxnSpPr/>
      </xdr:nvCxnSpPr>
      <xdr:spPr>
        <a:xfrm flipV="1">
          <a:off x="16510000" y="2255157"/>
          <a:ext cx="0" cy="1589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44649</xdr:rowOff>
    </xdr:from>
    <xdr:ext cx="762000" cy="259045"/>
    <xdr:sp macro="" textlink="">
      <xdr:nvSpPr>
        <xdr:cNvPr id="123" name="物件費最小値テキスト"/>
        <xdr:cNvSpPr txBox="1"/>
      </xdr:nvSpPr>
      <xdr:spPr>
        <a:xfrm>
          <a:off x="16598900" y="381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72572</xdr:rowOff>
    </xdr:from>
    <xdr:to>
      <xdr:col>82</xdr:col>
      <xdr:colOff>196850</xdr:colOff>
      <xdr:row>22</xdr:row>
      <xdr:rowOff>72572</xdr:rowOff>
    </xdr:to>
    <xdr:cxnSp macro="">
      <xdr:nvCxnSpPr>
        <xdr:cNvPr id="124" name="直線コネクタ 123"/>
        <xdr:cNvCxnSpPr/>
      </xdr:nvCxnSpPr>
      <xdr:spPr>
        <a:xfrm>
          <a:off x="16421100" y="3844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2684</xdr:rowOff>
    </xdr:from>
    <xdr:ext cx="762000" cy="259045"/>
    <xdr:sp macro="" textlink="">
      <xdr:nvSpPr>
        <xdr:cNvPr id="125" name="物件費最大値テキスト"/>
        <xdr:cNvSpPr txBox="1"/>
      </xdr:nvSpPr>
      <xdr:spPr>
        <a:xfrm>
          <a:off x="16598900" y="1998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26307</xdr:rowOff>
    </xdr:from>
    <xdr:to>
      <xdr:col>82</xdr:col>
      <xdr:colOff>196850</xdr:colOff>
      <xdr:row>13</xdr:row>
      <xdr:rowOff>26307</xdr:rowOff>
    </xdr:to>
    <xdr:cxnSp macro="">
      <xdr:nvCxnSpPr>
        <xdr:cNvPr id="126" name="直線コネクタ 125"/>
        <xdr:cNvCxnSpPr/>
      </xdr:nvCxnSpPr>
      <xdr:spPr>
        <a:xfrm>
          <a:off x="16421100" y="2255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83457</xdr:rowOff>
    </xdr:from>
    <xdr:to>
      <xdr:col>82</xdr:col>
      <xdr:colOff>107950</xdr:colOff>
      <xdr:row>20</xdr:row>
      <xdr:rowOff>56243</xdr:rowOff>
    </xdr:to>
    <xdr:cxnSp macro="">
      <xdr:nvCxnSpPr>
        <xdr:cNvPr id="127" name="直線コネクタ 126"/>
        <xdr:cNvCxnSpPr/>
      </xdr:nvCxnSpPr>
      <xdr:spPr>
        <a:xfrm>
          <a:off x="15671800" y="3169557"/>
          <a:ext cx="838200" cy="315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79120</xdr:rowOff>
    </xdr:from>
    <xdr:ext cx="762000" cy="259045"/>
    <xdr:sp macro="" textlink="">
      <xdr:nvSpPr>
        <xdr:cNvPr id="128" name="物件費平均値テキスト"/>
        <xdr:cNvSpPr txBox="1"/>
      </xdr:nvSpPr>
      <xdr:spPr>
        <a:xfrm>
          <a:off x="16598900" y="2822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62593</xdr:rowOff>
    </xdr:from>
    <xdr:to>
      <xdr:col>82</xdr:col>
      <xdr:colOff>158750</xdr:colOff>
      <xdr:row>17</xdr:row>
      <xdr:rowOff>164193</xdr:rowOff>
    </xdr:to>
    <xdr:sp macro="" textlink="">
      <xdr:nvSpPr>
        <xdr:cNvPr id="129" name="フローチャート: 判断 128"/>
        <xdr:cNvSpPr/>
      </xdr:nvSpPr>
      <xdr:spPr>
        <a:xfrm>
          <a:off x="164592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83457</xdr:rowOff>
    </xdr:from>
    <xdr:to>
      <xdr:col>78</xdr:col>
      <xdr:colOff>69850</xdr:colOff>
      <xdr:row>18</xdr:row>
      <xdr:rowOff>159657</xdr:rowOff>
    </xdr:to>
    <xdr:cxnSp macro="">
      <xdr:nvCxnSpPr>
        <xdr:cNvPr id="130" name="直線コネクタ 129"/>
        <xdr:cNvCxnSpPr/>
      </xdr:nvCxnSpPr>
      <xdr:spPr>
        <a:xfrm flipV="1">
          <a:off x="14782800" y="3169557"/>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14300</xdr:rowOff>
    </xdr:from>
    <xdr:to>
      <xdr:col>78</xdr:col>
      <xdr:colOff>120650</xdr:colOff>
      <xdr:row>17</xdr:row>
      <xdr:rowOff>44450</xdr:rowOff>
    </xdr:to>
    <xdr:sp macro="" textlink="">
      <xdr:nvSpPr>
        <xdr:cNvPr id="131" name="フローチャート: 判断 130"/>
        <xdr:cNvSpPr/>
      </xdr:nvSpPr>
      <xdr:spPr>
        <a:xfrm>
          <a:off x="15621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54627</xdr:rowOff>
    </xdr:from>
    <xdr:ext cx="736600" cy="259045"/>
    <xdr:sp macro="" textlink="">
      <xdr:nvSpPr>
        <xdr:cNvPr id="132" name="テキスト ボックス 131"/>
        <xdr:cNvSpPr txBox="1"/>
      </xdr:nvSpPr>
      <xdr:spPr>
        <a:xfrm>
          <a:off x="15290800" y="2626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59657</xdr:rowOff>
    </xdr:from>
    <xdr:to>
      <xdr:col>73</xdr:col>
      <xdr:colOff>180975</xdr:colOff>
      <xdr:row>18</xdr:row>
      <xdr:rowOff>159657</xdr:rowOff>
    </xdr:to>
    <xdr:cxnSp macro="">
      <xdr:nvCxnSpPr>
        <xdr:cNvPr id="133" name="直線コネクタ 132"/>
        <xdr:cNvCxnSpPr/>
      </xdr:nvCxnSpPr>
      <xdr:spPr>
        <a:xfrm>
          <a:off x="13893800" y="32457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9050</xdr:rowOff>
    </xdr:from>
    <xdr:to>
      <xdr:col>74</xdr:col>
      <xdr:colOff>31750</xdr:colOff>
      <xdr:row>17</xdr:row>
      <xdr:rowOff>120650</xdr:rowOff>
    </xdr:to>
    <xdr:sp macro="" textlink="">
      <xdr:nvSpPr>
        <xdr:cNvPr id="134" name="フローチャート: 判断 133"/>
        <xdr:cNvSpPr/>
      </xdr:nvSpPr>
      <xdr:spPr>
        <a:xfrm>
          <a:off x="14732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27</xdr:rowOff>
    </xdr:from>
    <xdr:ext cx="762000" cy="259045"/>
    <xdr:sp macro="" textlink="">
      <xdr:nvSpPr>
        <xdr:cNvPr id="135" name="テキスト ボックス 134"/>
        <xdr:cNvSpPr txBox="1"/>
      </xdr:nvSpPr>
      <xdr:spPr>
        <a:xfrm>
          <a:off x="14401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29029</xdr:rowOff>
    </xdr:from>
    <xdr:to>
      <xdr:col>69</xdr:col>
      <xdr:colOff>92075</xdr:colOff>
      <xdr:row>18</xdr:row>
      <xdr:rowOff>159657</xdr:rowOff>
    </xdr:to>
    <xdr:cxnSp macro="">
      <xdr:nvCxnSpPr>
        <xdr:cNvPr id="136" name="直線コネクタ 135"/>
        <xdr:cNvCxnSpPr/>
      </xdr:nvCxnSpPr>
      <xdr:spPr>
        <a:xfrm>
          <a:off x="13004800" y="3115129"/>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17021</xdr:rowOff>
    </xdr:from>
    <xdr:to>
      <xdr:col>69</xdr:col>
      <xdr:colOff>142875</xdr:colOff>
      <xdr:row>18</xdr:row>
      <xdr:rowOff>47171</xdr:rowOff>
    </xdr:to>
    <xdr:sp macro="" textlink="">
      <xdr:nvSpPr>
        <xdr:cNvPr id="137" name="フローチャート: 判断 136"/>
        <xdr:cNvSpPr/>
      </xdr:nvSpPr>
      <xdr:spPr>
        <a:xfrm>
          <a:off x="13843000" y="303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57348</xdr:rowOff>
    </xdr:from>
    <xdr:ext cx="762000" cy="259045"/>
    <xdr:sp macro="" textlink="">
      <xdr:nvSpPr>
        <xdr:cNvPr id="138" name="テキスト ボックス 137"/>
        <xdr:cNvSpPr txBox="1"/>
      </xdr:nvSpPr>
      <xdr:spPr>
        <a:xfrm>
          <a:off x="13512800" y="2800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5250</xdr:rowOff>
    </xdr:from>
    <xdr:to>
      <xdr:col>65</xdr:col>
      <xdr:colOff>53975</xdr:colOff>
      <xdr:row>18</xdr:row>
      <xdr:rowOff>25400</xdr:rowOff>
    </xdr:to>
    <xdr:sp macro="" textlink="">
      <xdr:nvSpPr>
        <xdr:cNvPr id="139" name="フローチャート: 判断 138"/>
        <xdr:cNvSpPr/>
      </xdr:nvSpPr>
      <xdr:spPr>
        <a:xfrm>
          <a:off x="12954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35577</xdr:rowOff>
    </xdr:from>
    <xdr:ext cx="762000" cy="259045"/>
    <xdr:sp macro="" textlink="">
      <xdr:nvSpPr>
        <xdr:cNvPr id="140" name="テキスト ボックス 139"/>
        <xdr:cNvSpPr txBox="1"/>
      </xdr:nvSpPr>
      <xdr:spPr>
        <a:xfrm>
          <a:off x="12623800" y="277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0</xdr:row>
      <xdr:rowOff>5443</xdr:rowOff>
    </xdr:from>
    <xdr:to>
      <xdr:col>82</xdr:col>
      <xdr:colOff>158750</xdr:colOff>
      <xdr:row>20</xdr:row>
      <xdr:rowOff>107043</xdr:rowOff>
    </xdr:to>
    <xdr:sp macro="" textlink="">
      <xdr:nvSpPr>
        <xdr:cNvPr id="146" name="楕円 145"/>
        <xdr:cNvSpPr/>
      </xdr:nvSpPr>
      <xdr:spPr>
        <a:xfrm>
          <a:off x="16459200" y="343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148970</xdr:rowOff>
    </xdr:from>
    <xdr:ext cx="762000" cy="259045"/>
    <xdr:sp macro="" textlink="">
      <xdr:nvSpPr>
        <xdr:cNvPr id="147" name="物件費該当値テキスト"/>
        <xdr:cNvSpPr txBox="1"/>
      </xdr:nvSpPr>
      <xdr:spPr>
        <a:xfrm>
          <a:off x="16598900" y="3406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32657</xdr:rowOff>
    </xdr:from>
    <xdr:to>
      <xdr:col>78</xdr:col>
      <xdr:colOff>120650</xdr:colOff>
      <xdr:row>18</xdr:row>
      <xdr:rowOff>134257</xdr:rowOff>
    </xdr:to>
    <xdr:sp macro="" textlink="">
      <xdr:nvSpPr>
        <xdr:cNvPr id="148" name="楕円 147"/>
        <xdr:cNvSpPr/>
      </xdr:nvSpPr>
      <xdr:spPr>
        <a:xfrm>
          <a:off x="15621000" y="3118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19034</xdr:rowOff>
    </xdr:from>
    <xdr:ext cx="736600" cy="259045"/>
    <xdr:sp macro="" textlink="">
      <xdr:nvSpPr>
        <xdr:cNvPr id="149" name="テキスト ボックス 148"/>
        <xdr:cNvSpPr txBox="1"/>
      </xdr:nvSpPr>
      <xdr:spPr>
        <a:xfrm>
          <a:off x="15290800" y="32051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08857</xdr:rowOff>
    </xdr:from>
    <xdr:to>
      <xdr:col>74</xdr:col>
      <xdr:colOff>31750</xdr:colOff>
      <xdr:row>19</xdr:row>
      <xdr:rowOff>39007</xdr:rowOff>
    </xdr:to>
    <xdr:sp macro="" textlink="">
      <xdr:nvSpPr>
        <xdr:cNvPr id="150" name="楕円 149"/>
        <xdr:cNvSpPr/>
      </xdr:nvSpPr>
      <xdr:spPr>
        <a:xfrm>
          <a:off x="14732000" y="3194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23784</xdr:rowOff>
    </xdr:from>
    <xdr:ext cx="762000" cy="259045"/>
    <xdr:sp macro="" textlink="">
      <xdr:nvSpPr>
        <xdr:cNvPr id="151" name="テキスト ボックス 150"/>
        <xdr:cNvSpPr txBox="1"/>
      </xdr:nvSpPr>
      <xdr:spPr>
        <a:xfrm>
          <a:off x="14401800" y="3281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08857</xdr:rowOff>
    </xdr:from>
    <xdr:to>
      <xdr:col>69</xdr:col>
      <xdr:colOff>142875</xdr:colOff>
      <xdr:row>19</xdr:row>
      <xdr:rowOff>39007</xdr:rowOff>
    </xdr:to>
    <xdr:sp macro="" textlink="">
      <xdr:nvSpPr>
        <xdr:cNvPr id="152" name="楕円 151"/>
        <xdr:cNvSpPr/>
      </xdr:nvSpPr>
      <xdr:spPr>
        <a:xfrm>
          <a:off x="13843000" y="3194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23784</xdr:rowOff>
    </xdr:from>
    <xdr:ext cx="762000" cy="259045"/>
    <xdr:sp macro="" textlink="">
      <xdr:nvSpPr>
        <xdr:cNvPr id="153" name="テキスト ボックス 152"/>
        <xdr:cNvSpPr txBox="1"/>
      </xdr:nvSpPr>
      <xdr:spPr>
        <a:xfrm>
          <a:off x="13512800" y="3281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49679</xdr:rowOff>
    </xdr:from>
    <xdr:to>
      <xdr:col>65</xdr:col>
      <xdr:colOff>53975</xdr:colOff>
      <xdr:row>18</xdr:row>
      <xdr:rowOff>79829</xdr:rowOff>
    </xdr:to>
    <xdr:sp macro="" textlink="">
      <xdr:nvSpPr>
        <xdr:cNvPr id="154" name="楕円 153"/>
        <xdr:cNvSpPr/>
      </xdr:nvSpPr>
      <xdr:spPr>
        <a:xfrm>
          <a:off x="12954000" y="3064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64606</xdr:rowOff>
    </xdr:from>
    <xdr:ext cx="762000" cy="259045"/>
    <xdr:sp macro="" textlink="">
      <xdr:nvSpPr>
        <xdr:cNvPr id="155" name="テキスト ボックス 154"/>
        <xdr:cNvSpPr txBox="1"/>
      </xdr:nvSpPr>
      <xdr:spPr>
        <a:xfrm>
          <a:off x="12623800" y="3150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４年度は、私立保育園運営費や障害児通所給付費などの増により、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9</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となった。依然として類似団体平均を上回っていることから、今後も、国都支出金の確保とともに、給付水準や給付と負担のバランスなど多角的な視点からの検討を進め、比率の改善に努める。</a:t>
          </a: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92710</xdr:rowOff>
    </xdr:from>
    <xdr:to>
      <xdr:col>24</xdr:col>
      <xdr:colOff>25400</xdr:colOff>
      <xdr:row>61</xdr:row>
      <xdr:rowOff>115570</xdr:rowOff>
    </xdr:to>
    <xdr:cxnSp macro="">
      <xdr:nvCxnSpPr>
        <xdr:cNvPr id="183" name="直線コネクタ 182"/>
        <xdr:cNvCxnSpPr/>
      </xdr:nvCxnSpPr>
      <xdr:spPr>
        <a:xfrm flipV="1">
          <a:off x="4826000" y="9179560"/>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7647</xdr:rowOff>
    </xdr:from>
    <xdr:ext cx="762000" cy="259045"/>
    <xdr:sp macro="" textlink="">
      <xdr:nvSpPr>
        <xdr:cNvPr id="184" name="扶助費最小値テキスト"/>
        <xdr:cNvSpPr txBox="1"/>
      </xdr:nvSpPr>
      <xdr:spPr>
        <a:xfrm>
          <a:off x="4914900" y="10546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15570</xdr:rowOff>
    </xdr:from>
    <xdr:to>
      <xdr:col>24</xdr:col>
      <xdr:colOff>114300</xdr:colOff>
      <xdr:row>61</xdr:row>
      <xdr:rowOff>115570</xdr:rowOff>
    </xdr:to>
    <xdr:cxnSp macro="">
      <xdr:nvCxnSpPr>
        <xdr:cNvPr id="185" name="直線コネクタ 184"/>
        <xdr:cNvCxnSpPr/>
      </xdr:nvCxnSpPr>
      <xdr:spPr>
        <a:xfrm>
          <a:off x="4737100" y="1057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7637</xdr:rowOff>
    </xdr:from>
    <xdr:ext cx="762000" cy="259045"/>
    <xdr:sp macro="" textlink="">
      <xdr:nvSpPr>
        <xdr:cNvPr id="186" name="扶助費最大値テキスト"/>
        <xdr:cNvSpPr txBox="1"/>
      </xdr:nvSpPr>
      <xdr:spPr>
        <a:xfrm>
          <a:off x="4914900" y="892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92710</xdr:rowOff>
    </xdr:from>
    <xdr:to>
      <xdr:col>24</xdr:col>
      <xdr:colOff>114300</xdr:colOff>
      <xdr:row>53</xdr:row>
      <xdr:rowOff>92710</xdr:rowOff>
    </xdr:to>
    <xdr:cxnSp macro="">
      <xdr:nvCxnSpPr>
        <xdr:cNvPr id="187" name="直線コネクタ 186"/>
        <xdr:cNvCxnSpPr/>
      </xdr:nvCxnSpPr>
      <xdr:spPr>
        <a:xfrm>
          <a:off x="4737100" y="9179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46990</xdr:rowOff>
    </xdr:from>
    <xdr:to>
      <xdr:col>24</xdr:col>
      <xdr:colOff>25400</xdr:colOff>
      <xdr:row>58</xdr:row>
      <xdr:rowOff>20320</xdr:rowOff>
    </xdr:to>
    <xdr:cxnSp macro="">
      <xdr:nvCxnSpPr>
        <xdr:cNvPr id="188" name="直線コネクタ 187"/>
        <xdr:cNvCxnSpPr/>
      </xdr:nvCxnSpPr>
      <xdr:spPr>
        <a:xfrm>
          <a:off x="3987800" y="9819640"/>
          <a:ext cx="8382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6067</xdr:rowOff>
    </xdr:from>
    <xdr:ext cx="762000" cy="259045"/>
    <xdr:sp macro="" textlink="">
      <xdr:nvSpPr>
        <xdr:cNvPr id="189" name="扶助費平均値テキスト"/>
        <xdr:cNvSpPr txBox="1"/>
      </xdr:nvSpPr>
      <xdr:spPr>
        <a:xfrm>
          <a:off x="4914900" y="95758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9540</xdr:rowOff>
    </xdr:from>
    <xdr:to>
      <xdr:col>24</xdr:col>
      <xdr:colOff>76200</xdr:colOff>
      <xdr:row>57</xdr:row>
      <xdr:rowOff>59690</xdr:rowOff>
    </xdr:to>
    <xdr:sp macro="" textlink="">
      <xdr:nvSpPr>
        <xdr:cNvPr id="190" name="フローチャート: 判断 189"/>
        <xdr:cNvSpPr/>
      </xdr:nvSpPr>
      <xdr:spPr>
        <a:xfrm>
          <a:off x="4775200" y="9730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46990</xdr:rowOff>
    </xdr:from>
    <xdr:to>
      <xdr:col>19</xdr:col>
      <xdr:colOff>187325</xdr:colOff>
      <xdr:row>57</xdr:row>
      <xdr:rowOff>100330</xdr:rowOff>
    </xdr:to>
    <xdr:cxnSp macro="">
      <xdr:nvCxnSpPr>
        <xdr:cNvPr id="191" name="直線コネクタ 190"/>
        <xdr:cNvCxnSpPr/>
      </xdr:nvCxnSpPr>
      <xdr:spPr>
        <a:xfrm flipV="1">
          <a:off x="3098800" y="981964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92" name="フローチャート: 判断 191"/>
        <xdr:cNvSpPr/>
      </xdr:nvSpPr>
      <xdr:spPr>
        <a:xfrm>
          <a:off x="3937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31767</xdr:rowOff>
    </xdr:from>
    <xdr:ext cx="736600" cy="259045"/>
    <xdr:sp macro="" textlink="">
      <xdr:nvSpPr>
        <xdr:cNvPr id="193" name="テキスト ボックス 192"/>
        <xdr:cNvSpPr txBox="1"/>
      </xdr:nvSpPr>
      <xdr:spPr>
        <a:xfrm>
          <a:off x="3606800" y="9461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00330</xdr:rowOff>
    </xdr:from>
    <xdr:to>
      <xdr:col>15</xdr:col>
      <xdr:colOff>98425</xdr:colOff>
      <xdr:row>58</xdr:row>
      <xdr:rowOff>142240</xdr:rowOff>
    </xdr:to>
    <xdr:cxnSp macro="">
      <xdr:nvCxnSpPr>
        <xdr:cNvPr id="194" name="直線コネクタ 193"/>
        <xdr:cNvCxnSpPr/>
      </xdr:nvCxnSpPr>
      <xdr:spPr>
        <a:xfrm flipV="1">
          <a:off x="2209800" y="9872980"/>
          <a:ext cx="88900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91440</xdr:rowOff>
    </xdr:from>
    <xdr:to>
      <xdr:col>15</xdr:col>
      <xdr:colOff>149225</xdr:colOff>
      <xdr:row>57</xdr:row>
      <xdr:rowOff>21590</xdr:rowOff>
    </xdr:to>
    <xdr:sp macro="" textlink="">
      <xdr:nvSpPr>
        <xdr:cNvPr id="195" name="フローチャート: 判断 194"/>
        <xdr:cNvSpPr/>
      </xdr:nvSpPr>
      <xdr:spPr>
        <a:xfrm>
          <a:off x="3048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31767</xdr:rowOff>
    </xdr:from>
    <xdr:ext cx="762000" cy="259045"/>
    <xdr:sp macro="" textlink="">
      <xdr:nvSpPr>
        <xdr:cNvPr id="196" name="テキスト ボックス 195"/>
        <xdr:cNvSpPr txBox="1"/>
      </xdr:nvSpPr>
      <xdr:spPr>
        <a:xfrm>
          <a:off x="2717800" y="946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50800</xdr:rowOff>
    </xdr:from>
    <xdr:to>
      <xdr:col>11</xdr:col>
      <xdr:colOff>9525</xdr:colOff>
      <xdr:row>58</xdr:row>
      <xdr:rowOff>142240</xdr:rowOff>
    </xdr:to>
    <xdr:cxnSp macro="">
      <xdr:nvCxnSpPr>
        <xdr:cNvPr id="197" name="直線コネクタ 196"/>
        <xdr:cNvCxnSpPr/>
      </xdr:nvCxnSpPr>
      <xdr:spPr>
        <a:xfrm>
          <a:off x="1320800" y="999490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52400</xdr:rowOff>
    </xdr:from>
    <xdr:to>
      <xdr:col>11</xdr:col>
      <xdr:colOff>60325</xdr:colOff>
      <xdr:row>57</xdr:row>
      <xdr:rowOff>82550</xdr:rowOff>
    </xdr:to>
    <xdr:sp macro="" textlink="">
      <xdr:nvSpPr>
        <xdr:cNvPr id="198" name="フローチャート: 判断 197"/>
        <xdr:cNvSpPr/>
      </xdr:nvSpPr>
      <xdr:spPr>
        <a:xfrm>
          <a:off x="2159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92727</xdr:rowOff>
    </xdr:from>
    <xdr:ext cx="762000" cy="259045"/>
    <xdr:sp macro="" textlink="">
      <xdr:nvSpPr>
        <xdr:cNvPr id="199" name="テキスト ボックス 198"/>
        <xdr:cNvSpPr txBox="1"/>
      </xdr:nvSpPr>
      <xdr:spPr>
        <a:xfrm>
          <a:off x="1828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14300</xdr:rowOff>
    </xdr:from>
    <xdr:to>
      <xdr:col>6</xdr:col>
      <xdr:colOff>171450</xdr:colOff>
      <xdr:row>57</xdr:row>
      <xdr:rowOff>44450</xdr:rowOff>
    </xdr:to>
    <xdr:sp macro="" textlink="">
      <xdr:nvSpPr>
        <xdr:cNvPr id="200" name="フローチャート: 判断 199"/>
        <xdr:cNvSpPr/>
      </xdr:nvSpPr>
      <xdr:spPr>
        <a:xfrm>
          <a:off x="1270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54627</xdr:rowOff>
    </xdr:from>
    <xdr:ext cx="762000" cy="259045"/>
    <xdr:sp macro="" textlink="">
      <xdr:nvSpPr>
        <xdr:cNvPr id="201" name="テキスト ボックス 200"/>
        <xdr:cNvSpPr txBox="1"/>
      </xdr:nvSpPr>
      <xdr:spPr>
        <a:xfrm>
          <a:off x="939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40970</xdr:rowOff>
    </xdr:from>
    <xdr:to>
      <xdr:col>24</xdr:col>
      <xdr:colOff>76200</xdr:colOff>
      <xdr:row>58</xdr:row>
      <xdr:rowOff>71120</xdr:rowOff>
    </xdr:to>
    <xdr:sp macro="" textlink="">
      <xdr:nvSpPr>
        <xdr:cNvPr id="207" name="楕円 206"/>
        <xdr:cNvSpPr/>
      </xdr:nvSpPr>
      <xdr:spPr>
        <a:xfrm>
          <a:off x="4775200" y="991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13047</xdr:rowOff>
    </xdr:from>
    <xdr:ext cx="762000" cy="259045"/>
    <xdr:sp macro="" textlink="">
      <xdr:nvSpPr>
        <xdr:cNvPr id="208" name="扶助費該当値テキスト"/>
        <xdr:cNvSpPr txBox="1"/>
      </xdr:nvSpPr>
      <xdr:spPr>
        <a:xfrm>
          <a:off x="49149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67640</xdr:rowOff>
    </xdr:from>
    <xdr:to>
      <xdr:col>20</xdr:col>
      <xdr:colOff>38100</xdr:colOff>
      <xdr:row>57</xdr:row>
      <xdr:rowOff>97790</xdr:rowOff>
    </xdr:to>
    <xdr:sp macro="" textlink="">
      <xdr:nvSpPr>
        <xdr:cNvPr id="209" name="楕円 208"/>
        <xdr:cNvSpPr/>
      </xdr:nvSpPr>
      <xdr:spPr>
        <a:xfrm>
          <a:off x="3937000" y="976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82567</xdr:rowOff>
    </xdr:from>
    <xdr:ext cx="736600" cy="259045"/>
    <xdr:sp macro="" textlink="">
      <xdr:nvSpPr>
        <xdr:cNvPr id="210" name="テキスト ボックス 209"/>
        <xdr:cNvSpPr txBox="1"/>
      </xdr:nvSpPr>
      <xdr:spPr>
        <a:xfrm>
          <a:off x="3606800" y="9855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49530</xdr:rowOff>
    </xdr:from>
    <xdr:to>
      <xdr:col>15</xdr:col>
      <xdr:colOff>149225</xdr:colOff>
      <xdr:row>57</xdr:row>
      <xdr:rowOff>151130</xdr:rowOff>
    </xdr:to>
    <xdr:sp macro="" textlink="">
      <xdr:nvSpPr>
        <xdr:cNvPr id="211" name="楕円 210"/>
        <xdr:cNvSpPr/>
      </xdr:nvSpPr>
      <xdr:spPr>
        <a:xfrm>
          <a:off x="3048000" y="9822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5907</xdr:rowOff>
    </xdr:from>
    <xdr:ext cx="762000" cy="259045"/>
    <xdr:sp macro="" textlink="">
      <xdr:nvSpPr>
        <xdr:cNvPr id="212" name="テキスト ボックス 211"/>
        <xdr:cNvSpPr txBox="1"/>
      </xdr:nvSpPr>
      <xdr:spPr>
        <a:xfrm>
          <a:off x="2717800" y="9908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91440</xdr:rowOff>
    </xdr:from>
    <xdr:to>
      <xdr:col>11</xdr:col>
      <xdr:colOff>60325</xdr:colOff>
      <xdr:row>59</xdr:row>
      <xdr:rowOff>21590</xdr:rowOff>
    </xdr:to>
    <xdr:sp macro="" textlink="">
      <xdr:nvSpPr>
        <xdr:cNvPr id="213" name="楕円 212"/>
        <xdr:cNvSpPr/>
      </xdr:nvSpPr>
      <xdr:spPr>
        <a:xfrm>
          <a:off x="2159000" y="1003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6367</xdr:rowOff>
    </xdr:from>
    <xdr:ext cx="762000" cy="259045"/>
    <xdr:sp macro="" textlink="">
      <xdr:nvSpPr>
        <xdr:cNvPr id="214" name="テキスト ボックス 213"/>
        <xdr:cNvSpPr txBox="1"/>
      </xdr:nvSpPr>
      <xdr:spPr>
        <a:xfrm>
          <a:off x="1828800" y="1012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0</xdr:rowOff>
    </xdr:from>
    <xdr:to>
      <xdr:col>6</xdr:col>
      <xdr:colOff>171450</xdr:colOff>
      <xdr:row>58</xdr:row>
      <xdr:rowOff>101600</xdr:rowOff>
    </xdr:to>
    <xdr:sp macro="" textlink="">
      <xdr:nvSpPr>
        <xdr:cNvPr id="215" name="楕円 214"/>
        <xdr:cNvSpPr/>
      </xdr:nvSpPr>
      <xdr:spPr>
        <a:xfrm>
          <a:off x="1270000" y="994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86377</xdr:rowOff>
    </xdr:from>
    <xdr:ext cx="762000" cy="259045"/>
    <xdr:sp macro="" textlink="">
      <xdr:nvSpPr>
        <xdr:cNvPr id="216" name="テキスト ボックス 215"/>
        <xdr:cNvSpPr txBox="1"/>
      </xdr:nvSpPr>
      <xdr:spPr>
        <a:xfrm>
          <a:off x="9398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維持補修費は、道路維持補修費の減などにより、分子にあたる経常的経費充当一般財源等が減となり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減となった。繰出金は、後期高齢者医療特別会計繰出金などの経常的経費充当一般財源等の増などにより、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った。今後も高齢化に伴う法定繰出分の増加等が見込まれるため、赤字補塡分も含めた繰出金の抑制により、財政基盤の強化に努める。</a:t>
          </a: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61</xdr:row>
      <xdr:rowOff>4535</xdr:rowOff>
    </xdr:to>
    <xdr:cxnSp macro="">
      <xdr:nvCxnSpPr>
        <xdr:cNvPr id="246" name="直線コネクタ 245"/>
        <xdr:cNvCxnSpPr/>
      </xdr:nvCxnSpPr>
      <xdr:spPr>
        <a:xfrm flipV="1">
          <a:off x="16510000" y="893898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7" name="その他最小値テキスト"/>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8" name="直線コネクタ 247"/>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49" name="その他最大値テキスト"/>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50" name="直線コネクタ 249"/>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88900</xdr:rowOff>
    </xdr:from>
    <xdr:to>
      <xdr:col>82</xdr:col>
      <xdr:colOff>107950</xdr:colOff>
      <xdr:row>57</xdr:row>
      <xdr:rowOff>91622</xdr:rowOff>
    </xdr:to>
    <xdr:cxnSp macro="">
      <xdr:nvCxnSpPr>
        <xdr:cNvPr id="251" name="直線コネクタ 250"/>
        <xdr:cNvCxnSpPr/>
      </xdr:nvCxnSpPr>
      <xdr:spPr>
        <a:xfrm>
          <a:off x="15671800" y="9690100"/>
          <a:ext cx="838200" cy="174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2920</xdr:rowOff>
    </xdr:from>
    <xdr:ext cx="762000" cy="259045"/>
    <xdr:sp macro="" textlink="">
      <xdr:nvSpPr>
        <xdr:cNvPr id="252" name="その他平均値テキスト"/>
        <xdr:cNvSpPr txBox="1"/>
      </xdr:nvSpPr>
      <xdr:spPr>
        <a:xfrm>
          <a:off x="16598900" y="96041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7843</xdr:rowOff>
    </xdr:from>
    <xdr:to>
      <xdr:col>82</xdr:col>
      <xdr:colOff>158750</xdr:colOff>
      <xdr:row>57</xdr:row>
      <xdr:rowOff>87993</xdr:rowOff>
    </xdr:to>
    <xdr:sp macro="" textlink="">
      <xdr:nvSpPr>
        <xdr:cNvPr id="253" name="フローチャート: 判断 252"/>
        <xdr:cNvSpPr/>
      </xdr:nvSpPr>
      <xdr:spPr>
        <a:xfrm>
          <a:off x="164592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88900</xdr:rowOff>
    </xdr:from>
    <xdr:to>
      <xdr:col>78</xdr:col>
      <xdr:colOff>69850</xdr:colOff>
      <xdr:row>57</xdr:row>
      <xdr:rowOff>69850</xdr:rowOff>
    </xdr:to>
    <xdr:cxnSp macro="">
      <xdr:nvCxnSpPr>
        <xdr:cNvPr id="254" name="直線コネクタ 253"/>
        <xdr:cNvCxnSpPr/>
      </xdr:nvCxnSpPr>
      <xdr:spPr>
        <a:xfrm flipV="1">
          <a:off x="14782800" y="96901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81643</xdr:rowOff>
    </xdr:from>
    <xdr:to>
      <xdr:col>78</xdr:col>
      <xdr:colOff>120650</xdr:colOff>
      <xdr:row>57</xdr:row>
      <xdr:rowOff>11793</xdr:rowOff>
    </xdr:to>
    <xdr:sp macro="" textlink="">
      <xdr:nvSpPr>
        <xdr:cNvPr id="255" name="フローチャート: 判断 254"/>
        <xdr:cNvSpPr/>
      </xdr:nvSpPr>
      <xdr:spPr>
        <a:xfrm>
          <a:off x="15621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8020</xdr:rowOff>
    </xdr:from>
    <xdr:ext cx="736600" cy="259045"/>
    <xdr:sp macro="" textlink="">
      <xdr:nvSpPr>
        <xdr:cNvPr id="256" name="テキスト ボックス 255"/>
        <xdr:cNvSpPr txBox="1"/>
      </xdr:nvSpPr>
      <xdr:spPr>
        <a:xfrm>
          <a:off x="15290800" y="9769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69850</xdr:rowOff>
    </xdr:from>
    <xdr:to>
      <xdr:col>73</xdr:col>
      <xdr:colOff>180975</xdr:colOff>
      <xdr:row>58</xdr:row>
      <xdr:rowOff>94343</xdr:rowOff>
    </xdr:to>
    <xdr:cxnSp macro="">
      <xdr:nvCxnSpPr>
        <xdr:cNvPr id="257" name="直線コネクタ 256"/>
        <xdr:cNvCxnSpPr/>
      </xdr:nvCxnSpPr>
      <xdr:spPr>
        <a:xfrm flipV="1">
          <a:off x="13893800" y="9842500"/>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8" name="フローチャート: 判断 257"/>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59" name="テキスト ボックス 258"/>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67822</xdr:rowOff>
    </xdr:from>
    <xdr:to>
      <xdr:col>69</xdr:col>
      <xdr:colOff>92075</xdr:colOff>
      <xdr:row>58</xdr:row>
      <xdr:rowOff>94343</xdr:rowOff>
    </xdr:to>
    <xdr:cxnSp macro="">
      <xdr:nvCxnSpPr>
        <xdr:cNvPr id="260" name="直線コネクタ 259"/>
        <xdr:cNvCxnSpPr/>
      </xdr:nvCxnSpPr>
      <xdr:spPr>
        <a:xfrm>
          <a:off x="13004800" y="9940472"/>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1" name="フローチャート: 判断 260"/>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6462</xdr:rowOff>
    </xdr:from>
    <xdr:ext cx="762000" cy="259045"/>
    <xdr:sp macro="" textlink="">
      <xdr:nvSpPr>
        <xdr:cNvPr id="262" name="テキスト ボックス 261"/>
        <xdr:cNvSpPr txBox="1"/>
      </xdr:nvSpPr>
      <xdr:spPr>
        <a:xfrm>
          <a:off x="13512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63" name="フローチャート: 判断 262"/>
        <xdr:cNvSpPr/>
      </xdr:nvSpPr>
      <xdr:spPr>
        <a:xfrm>
          <a:off x="12954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6462</xdr:rowOff>
    </xdr:from>
    <xdr:ext cx="762000" cy="259045"/>
    <xdr:sp macro="" textlink="">
      <xdr:nvSpPr>
        <xdr:cNvPr id="264" name="テキスト ボックス 263"/>
        <xdr:cNvSpPr txBox="1"/>
      </xdr:nvSpPr>
      <xdr:spPr>
        <a:xfrm>
          <a:off x="12623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40822</xdr:rowOff>
    </xdr:from>
    <xdr:to>
      <xdr:col>82</xdr:col>
      <xdr:colOff>158750</xdr:colOff>
      <xdr:row>57</xdr:row>
      <xdr:rowOff>142422</xdr:rowOff>
    </xdr:to>
    <xdr:sp macro="" textlink="">
      <xdr:nvSpPr>
        <xdr:cNvPr id="270" name="楕円 269"/>
        <xdr:cNvSpPr/>
      </xdr:nvSpPr>
      <xdr:spPr>
        <a:xfrm>
          <a:off x="16459200" y="981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2899</xdr:rowOff>
    </xdr:from>
    <xdr:ext cx="762000" cy="259045"/>
    <xdr:sp macro="" textlink="">
      <xdr:nvSpPr>
        <xdr:cNvPr id="271" name="その他該当値テキスト"/>
        <xdr:cNvSpPr txBox="1"/>
      </xdr:nvSpPr>
      <xdr:spPr>
        <a:xfrm>
          <a:off x="16598900" y="9785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38100</xdr:rowOff>
    </xdr:from>
    <xdr:to>
      <xdr:col>78</xdr:col>
      <xdr:colOff>120650</xdr:colOff>
      <xdr:row>56</xdr:row>
      <xdr:rowOff>139700</xdr:rowOff>
    </xdr:to>
    <xdr:sp macro="" textlink="">
      <xdr:nvSpPr>
        <xdr:cNvPr id="272" name="楕円 271"/>
        <xdr:cNvSpPr/>
      </xdr:nvSpPr>
      <xdr:spPr>
        <a:xfrm>
          <a:off x="15621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49877</xdr:rowOff>
    </xdr:from>
    <xdr:ext cx="736600" cy="259045"/>
    <xdr:sp macro="" textlink="">
      <xdr:nvSpPr>
        <xdr:cNvPr id="273" name="テキスト ボックス 272"/>
        <xdr:cNvSpPr txBox="1"/>
      </xdr:nvSpPr>
      <xdr:spPr>
        <a:xfrm>
          <a:off x="15290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9050</xdr:rowOff>
    </xdr:from>
    <xdr:to>
      <xdr:col>74</xdr:col>
      <xdr:colOff>31750</xdr:colOff>
      <xdr:row>57</xdr:row>
      <xdr:rowOff>120650</xdr:rowOff>
    </xdr:to>
    <xdr:sp macro="" textlink="">
      <xdr:nvSpPr>
        <xdr:cNvPr id="274" name="楕円 273"/>
        <xdr:cNvSpPr/>
      </xdr:nvSpPr>
      <xdr:spPr>
        <a:xfrm>
          <a:off x="14732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75" name="テキスト ボックス 274"/>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43543</xdr:rowOff>
    </xdr:from>
    <xdr:to>
      <xdr:col>69</xdr:col>
      <xdr:colOff>142875</xdr:colOff>
      <xdr:row>58</xdr:row>
      <xdr:rowOff>145143</xdr:rowOff>
    </xdr:to>
    <xdr:sp macro="" textlink="">
      <xdr:nvSpPr>
        <xdr:cNvPr id="276" name="楕円 275"/>
        <xdr:cNvSpPr/>
      </xdr:nvSpPr>
      <xdr:spPr>
        <a:xfrm>
          <a:off x="13843000" y="998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29920</xdr:rowOff>
    </xdr:from>
    <xdr:ext cx="762000" cy="259045"/>
    <xdr:sp macro="" textlink="">
      <xdr:nvSpPr>
        <xdr:cNvPr id="277" name="テキスト ボックス 276"/>
        <xdr:cNvSpPr txBox="1"/>
      </xdr:nvSpPr>
      <xdr:spPr>
        <a:xfrm>
          <a:off x="135128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7022</xdr:rowOff>
    </xdr:from>
    <xdr:to>
      <xdr:col>65</xdr:col>
      <xdr:colOff>53975</xdr:colOff>
      <xdr:row>58</xdr:row>
      <xdr:rowOff>47172</xdr:rowOff>
    </xdr:to>
    <xdr:sp macro="" textlink="">
      <xdr:nvSpPr>
        <xdr:cNvPr id="278" name="楕円 277"/>
        <xdr:cNvSpPr/>
      </xdr:nvSpPr>
      <xdr:spPr>
        <a:xfrm>
          <a:off x="12954000" y="988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31949</xdr:rowOff>
    </xdr:from>
    <xdr:ext cx="762000" cy="259045"/>
    <xdr:sp macro="" textlink="">
      <xdr:nvSpPr>
        <xdr:cNvPr id="279" name="テキスト ボックス 278"/>
        <xdr:cNvSpPr txBox="1"/>
      </xdr:nvSpPr>
      <xdr:spPr>
        <a:xfrm>
          <a:off x="12623800" y="997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４年度は、下水道事業会計負担金の増などにより、分子にあたる経常的経費充当一般財源等が増となり、分母にあたる経常一般財源等は減となったことから、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り、類似団体平均を上回った。今後も、各種団体等に対する補助金等の必要性や金額等を定期的に検証し、適正化を図る。 </a:t>
          </a: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9860</xdr:rowOff>
    </xdr:from>
    <xdr:to>
      <xdr:col>82</xdr:col>
      <xdr:colOff>107950</xdr:colOff>
      <xdr:row>41</xdr:row>
      <xdr:rowOff>97282</xdr:rowOff>
    </xdr:to>
    <xdr:cxnSp macro="">
      <xdr:nvCxnSpPr>
        <xdr:cNvPr id="305" name="直線コネクタ 304"/>
        <xdr:cNvCxnSpPr/>
      </xdr:nvCxnSpPr>
      <xdr:spPr>
        <a:xfrm flipV="1">
          <a:off x="16510000" y="5636260"/>
          <a:ext cx="0" cy="1490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9359</xdr:rowOff>
    </xdr:from>
    <xdr:ext cx="762000" cy="259045"/>
    <xdr:sp macro="" textlink="">
      <xdr:nvSpPr>
        <xdr:cNvPr id="306" name="補助費等最小値テキスト"/>
        <xdr:cNvSpPr txBox="1"/>
      </xdr:nvSpPr>
      <xdr:spPr>
        <a:xfrm>
          <a:off x="16598900" y="7098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7282</xdr:rowOff>
    </xdr:from>
    <xdr:to>
      <xdr:col>82</xdr:col>
      <xdr:colOff>196850</xdr:colOff>
      <xdr:row>41</xdr:row>
      <xdr:rowOff>97282</xdr:rowOff>
    </xdr:to>
    <xdr:cxnSp macro="">
      <xdr:nvCxnSpPr>
        <xdr:cNvPr id="307" name="直線コネクタ 306"/>
        <xdr:cNvCxnSpPr/>
      </xdr:nvCxnSpPr>
      <xdr:spPr>
        <a:xfrm>
          <a:off x="16421100" y="7126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4787</xdr:rowOff>
    </xdr:from>
    <xdr:ext cx="762000" cy="259045"/>
    <xdr:sp macro="" textlink="">
      <xdr:nvSpPr>
        <xdr:cNvPr id="308" name="補助費等最大値テキスト"/>
        <xdr:cNvSpPr txBox="1"/>
      </xdr:nvSpPr>
      <xdr:spPr>
        <a:xfrm>
          <a:off x="16598900" y="537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49860</xdr:rowOff>
    </xdr:from>
    <xdr:to>
      <xdr:col>82</xdr:col>
      <xdr:colOff>196850</xdr:colOff>
      <xdr:row>32</xdr:row>
      <xdr:rowOff>149860</xdr:rowOff>
    </xdr:to>
    <xdr:cxnSp macro="">
      <xdr:nvCxnSpPr>
        <xdr:cNvPr id="309" name="直線コネクタ 308"/>
        <xdr:cNvCxnSpPr/>
      </xdr:nvCxnSpPr>
      <xdr:spPr>
        <a:xfrm>
          <a:off x="16421100" y="5636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2700</xdr:rowOff>
    </xdr:from>
    <xdr:to>
      <xdr:col>82</xdr:col>
      <xdr:colOff>107950</xdr:colOff>
      <xdr:row>36</xdr:row>
      <xdr:rowOff>113284</xdr:rowOff>
    </xdr:to>
    <xdr:cxnSp macro="">
      <xdr:nvCxnSpPr>
        <xdr:cNvPr id="310" name="直線コネクタ 309"/>
        <xdr:cNvCxnSpPr/>
      </xdr:nvCxnSpPr>
      <xdr:spPr>
        <a:xfrm>
          <a:off x="15671800" y="6184900"/>
          <a:ext cx="8382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5003</xdr:rowOff>
    </xdr:from>
    <xdr:ext cx="762000" cy="259045"/>
    <xdr:sp macro="" textlink="">
      <xdr:nvSpPr>
        <xdr:cNvPr id="311" name="補助費等平均値テキスト"/>
        <xdr:cNvSpPr txBox="1"/>
      </xdr:nvSpPr>
      <xdr:spPr>
        <a:xfrm>
          <a:off x="16598900" y="6015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9926</xdr:rowOff>
    </xdr:from>
    <xdr:to>
      <xdr:col>82</xdr:col>
      <xdr:colOff>158750</xdr:colOff>
      <xdr:row>36</xdr:row>
      <xdr:rowOff>100076</xdr:rowOff>
    </xdr:to>
    <xdr:sp macro="" textlink="">
      <xdr:nvSpPr>
        <xdr:cNvPr id="312" name="フローチャート: 判断 311"/>
        <xdr:cNvSpPr/>
      </xdr:nvSpPr>
      <xdr:spPr>
        <a:xfrm>
          <a:off x="16459200" y="6170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2700</xdr:rowOff>
    </xdr:from>
    <xdr:to>
      <xdr:col>78</xdr:col>
      <xdr:colOff>69850</xdr:colOff>
      <xdr:row>36</xdr:row>
      <xdr:rowOff>85852</xdr:rowOff>
    </xdr:to>
    <xdr:cxnSp macro="">
      <xdr:nvCxnSpPr>
        <xdr:cNvPr id="313" name="直線コネクタ 312"/>
        <xdr:cNvCxnSpPr/>
      </xdr:nvCxnSpPr>
      <xdr:spPr>
        <a:xfrm flipV="1">
          <a:off x="14782800" y="618490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60782</xdr:rowOff>
    </xdr:from>
    <xdr:to>
      <xdr:col>78</xdr:col>
      <xdr:colOff>120650</xdr:colOff>
      <xdr:row>36</xdr:row>
      <xdr:rowOff>90932</xdr:rowOff>
    </xdr:to>
    <xdr:sp macro="" textlink="">
      <xdr:nvSpPr>
        <xdr:cNvPr id="314" name="フローチャート: 判断 313"/>
        <xdr:cNvSpPr/>
      </xdr:nvSpPr>
      <xdr:spPr>
        <a:xfrm>
          <a:off x="156210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75709</xdr:rowOff>
    </xdr:from>
    <xdr:ext cx="736600" cy="259045"/>
    <xdr:sp macro="" textlink="">
      <xdr:nvSpPr>
        <xdr:cNvPr id="315" name="テキスト ボックス 314"/>
        <xdr:cNvSpPr txBox="1"/>
      </xdr:nvSpPr>
      <xdr:spPr>
        <a:xfrm>
          <a:off x="15290800" y="62479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38430</xdr:rowOff>
    </xdr:from>
    <xdr:to>
      <xdr:col>73</xdr:col>
      <xdr:colOff>180975</xdr:colOff>
      <xdr:row>36</xdr:row>
      <xdr:rowOff>85852</xdr:rowOff>
    </xdr:to>
    <xdr:cxnSp macro="">
      <xdr:nvCxnSpPr>
        <xdr:cNvPr id="316" name="直線コネクタ 315"/>
        <xdr:cNvCxnSpPr/>
      </xdr:nvCxnSpPr>
      <xdr:spPr>
        <a:xfrm>
          <a:off x="13893800" y="6139180"/>
          <a:ext cx="8890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5908</xdr:rowOff>
    </xdr:from>
    <xdr:to>
      <xdr:col>74</xdr:col>
      <xdr:colOff>31750</xdr:colOff>
      <xdr:row>36</xdr:row>
      <xdr:rowOff>127508</xdr:rowOff>
    </xdr:to>
    <xdr:sp macro="" textlink="">
      <xdr:nvSpPr>
        <xdr:cNvPr id="317" name="フローチャート: 判断 316"/>
        <xdr:cNvSpPr/>
      </xdr:nvSpPr>
      <xdr:spPr>
        <a:xfrm>
          <a:off x="147320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7685</xdr:rowOff>
    </xdr:from>
    <xdr:ext cx="762000" cy="259045"/>
    <xdr:sp macro="" textlink="">
      <xdr:nvSpPr>
        <xdr:cNvPr id="318" name="テキスト ボックス 317"/>
        <xdr:cNvSpPr txBox="1"/>
      </xdr:nvSpPr>
      <xdr:spPr>
        <a:xfrm>
          <a:off x="14401800" y="5966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38430</xdr:rowOff>
    </xdr:from>
    <xdr:to>
      <xdr:col>69</xdr:col>
      <xdr:colOff>92075</xdr:colOff>
      <xdr:row>35</xdr:row>
      <xdr:rowOff>138430</xdr:rowOff>
    </xdr:to>
    <xdr:cxnSp macro="">
      <xdr:nvCxnSpPr>
        <xdr:cNvPr id="319" name="直線コネクタ 318"/>
        <xdr:cNvCxnSpPr/>
      </xdr:nvCxnSpPr>
      <xdr:spPr>
        <a:xfrm>
          <a:off x="13004800" y="61391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33350</xdr:rowOff>
    </xdr:from>
    <xdr:to>
      <xdr:col>69</xdr:col>
      <xdr:colOff>142875</xdr:colOff>
      <xdr:row>36</xdr:row>
      <xdr:rowOff>63500</xdr:rowOff>
    </xdr:to>
    <xdr:sp macro="" textlink="">
      <xdr:nvSpPr>
        <xdr:cNvPr id="320" name="フローチャート: 判断 319"/>
        <xdr:cNvSpPr/>
      </xdr:nvSpPr>
      <xdr:spPr>
        <a:xfrm>
          <a:off x="13843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48277</xdr:rowOff>
    </xdr:from>
    <xdr:ext cx="762000" cy="259045"/>
    <xdr:sp macro="" textlink="">
      <xdr:nvSpPr>
        <xdr:cNvPr id="321" name="テキスト ボックス 320"/>
        <xdr:cNvSpPr txBox="1"/>
      </xdr:nvSpPr>
      <xdr:spPr>
        <a:xfrm>
          <a:off x="13512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5062</xdr:rowOff>
    </xdr:from>
    <xdr:to>
      <xdr:col>65</xdr:col>
      <xdr:colOff>53975</xdr:colOff>
      <xdr:row>36</xdr:row>
      <xdr:rowOff>45212</xdr:rowOff>
    </xdr:to>
    <xdr:sp macro="" textlink="">
      <xdr:nvSpPr>
        <xdr:cNvPr id="322" name="フローチャート: 判断 321"/>
        <xdr:cNvSpPr/>
      </xdr:nvSpPr>
      <xdr:spPr>
        <a:xfrm>
          <a:off x="12954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9989</xdr:rowOff>
    </xdr:from>
    <xdr:ext cx="762000" cy="259045"/>
    <xdr:sp macro="" textlink="">
      <xdr:nvSpPr>
        <xdr:cNvPr id="323" name="テキスト ボックス 322"/>
        <xdr:cNvSpPr txBox="1"/>
      </xdr:nvSpPr>
      <xdr:spPr>
        <a:xfrm>
          <a:off x="12623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2484</xdr:rowOff>
    </xdr:from>
    <xdr:to>
      <xdr:col>82</xdr:col>
      <xdr:colOff>158750</xdr:colOff>
      <xdr:row>36</xdr:row>
      <xdr:rowOff>164084</xdr:rowOff>
    </xdr:to>
    <xdr:sp macro="" textlink="">
      <xdr:nvSpPr>
        <xdr:cNvPr id="329" name="楕円 328"/>
        <xdr:cNvSpPr/>
      </xdr:nvSpPr>
      <xdr:spPr>
        <a:xfrm>
          <a:off x="16459200" y="6234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34561</xdr:rowOff>
    </xdr:from>
    <xdr:ext cx="762000" cy="259045"/>
    <xdr:sp macro="" textlink="">
      <xdr:nvSpPr>
        <xdr:cNvPr id="330" name="補助費等該当値テキスト"/>
        <xdr:cNvSpPr txBox="1"/>
      </xdr:nvSpPr>
      <xdr:spPr>
        <a:xfrm>
          <a:off x="16598900" y="6206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33350</xdr:rowOff>
    </xdr:from>
    <xdr:to>
      <xdr:col>78</xdr:col>
      <xdr:colOff>120650</xdr:colOff>
      <xdr:row>36</xdr:row>
      <xdr:rowOff>63500</xdr:rowOff>
    </xdr:to>
    <xdr:sp macro="" textlink="">
      <xdr:nvSpPr>
        <xdr:cNvPr id="331" name="楕円 330"/>
        <xdr:cNvSpPr/>
      </xdr:nvSpPr>
      <xdr:spPr>
        <a:xfrm>
          <a:off x="15621000" y="61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73677</xdr:rowOff>
    </xdr:from>
    <xdr:ext cx="736600" cy="259045"/>
    <xdr:sp macro="" textlink="">
      <xdr:nvSpPr>
        <xdr:cNvPr id="332" name="テキスト ボックス 331"/>
        <xdr:cNvSpPr txBox="1"/>
      </xdr:nvSpPr>
      <xdr:spPr>
        <a:xfrm>
          <a:off x="15290800" y="5902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35052</xdr:rowOff>
    </xdr:from>
    <xdr:to>
      <xdr:col>74</xdr:col>
      <xdr:colOff>31750</xdr:colOff>
      <xdr:row>36</xdr:row>
      <xdr:rowOff>136652</xdr:rowOff>
    </xdr:to>
    <xdr:sp macro="" textlink="">
      <xdr:nvSpPr>
        <xdr:cNvPr id="333" name="楕円 332"/>
        <xdr:cNvSpPr/>
      </xdr:nvSpPr>
      <xdr:spPr>
        <a:xfrm>
          <a:off x="14732000" y="6207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21429</xdr:rowOff>
    </xdr:from>
    <xdr:ext cx="762000" cy="259045"/>
    <xdr:sp macro="" textlink="">
      <xdr:nvSpPr>
        <xdr:cNvPr id="334" name="テキスト ボックス 333"/>
        <xdr:cNvSpPr txBox="1"/>
      </xdr:nvSpPr>
      <xdr:spPr>
        <a:xfrm>
          <a:off x="14401800" y="6293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87630</xdr:rowOff>
    </xdr:from>
    <xdr:to>
      <xdr:col>69</xdr:col>
      <xdr:colOff>142875</xdr:colOff>
      <xdr:row>36</xdr:row>
      <xdr:rowOff>17780</xdr:rowOff>
    </xdr:to>
    <xdr:sp macro="" textlink="">
      <xdr:nvSpPr>
        <xdr:cNvPr id="335" name="楕円 334"/>
        <xdr:cNvSpPr/>
      </xdr:nvSpPr>
      <xdr:spPr>
        <a:xfrm>
          <a:off x="13843000" y="608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27957</xdr:rowOff>
    </xdr:from>
    <xdr:ext cx="762000" cy="259045"/>
    <xdr:sp macro="" textlink="">
      <xdr:nvSpPr>
        <xdr:cNvPr id="336" name="テキスト ボックス 335"/>
        <xdr:cNvSpPr txBox="1"/>
      </xdr:nvSpPr>
      <xdr:spPr>
        <a:xfrm>
          <a:off x="13512800" y="585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87630</xdr:rowOff>
    </xdr:from>
    <xdr:to>
      <xdr:col>65</xdr:col>
      <xdr:colOff>53975</xdr:colOff>
      <xdr:row>36</xdr:row>
      <xdr:rowOff>17780</xdr:rowOff>
    </xdr:to>
    <xdr:sp macro="" textlink="">
      <xdr:nvSpPr>
        <xdr:cNvPr id="337" name="楕円 336"/>
        <xdr:cNvSpPr/>
      </xdr:nvSpPr>
      <xdr:spPr>
        <a:xfrm>
          <a:off x="12954000" y="608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27957</xdr:rowOff>
    </xdr:from>
    <xdr:ext cx="762000" cy="259045"/>
    <xdr:sp macro="" textlink="">
      <xdr:nvSpPr>
        <xdr:cNvPr id="338" name="テキスト ボックス 337"/>
        <xdr:cNvSpPr txBox="1"/>
      </xdr:nvSpPr>
      <xdr:spPr>
        <a:xfrm>
          <a:off x="12623800" y="585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４年度は、</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般単独事業債償還費</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減は</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あるものの、</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臨時財政対策債償還費や都貸付金償還費</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が増となったことから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類似団体との比較においても依然としてその平均を下回っている。引き続き起債対象事業の限定や特例地方債の発行抑制を図り、低位の水準を維持する。</a:t>
          </a: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85090</xdr:rowOff>
    </xdr:from>
    <xdr:to>
      <xdr:col>24</xdr:col>
      <xdr:colOff>25400</xdr:colOff>
      <xdr:row>80</xdr:row>
      <xdr:rowOff>149861</xdr:rowOff>
    </xdr:to>
    <xdr:cxnSp macro="">
      <xdr:nvCxnSpPr>
        <xdr:cNvPr id="366" name="直線コネクタ 365"/>
        <xdr:cNvCxnSpPr/>
      </xdr:nvCxnSpPr>
      <xdr:spPr>
        <a:xfrm flipV="1">
          <a:off x="4826000" y="12600940"/>
          <a:ext cx="0" cy="12649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67" name="公債費最小値テキスト"/>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8" name="直線コネクタ 367"/>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7</xdr:rowOff>
    </xdr:from>
    <xdr:ext cx="762000" cy="259045"/>
    <xdr:sp macro="" textlink="">
      <xdr:nvSpPr>
        <xdr:cNvPr id="369" name="公債費最大値テキスト"/>
        <xdr:cNvSpPr txBox="1"/>
      </xdr:nvSpPr>
      <xdr:spPr>
        <a:xfrm>
          <a:off x="4914900" y="1234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85090</xdr:rowOff>
    </xdr:from>
    <xdr:to>
      <xdr:col>24</xdr:col>
      <xdr:colOff>114300</xdr:colOff>
      <xdr:row>73</xdr:row>
      <xdr:rowOff>85090</xdr:rowOff>
    </xdr:to>
    <xdr:cxnSp macro="">
      <xdr:nvCxnSpPr>
        <xdr:cNvPr id="370" name="直線コネクタ 369"/>
        <xdr:cNvCxnSpPr/>
      </xdr:nvCxnSpPr>
      <xdr:spPr>
        <a:xfrm>
          <a:off x="4737100" y="12600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43180</xdr:rowOff>
    </xdr:from>
    <xdr:to>
      <xdr:col>24</xdr:col>
      <xdr:colOff>25400</xdr:colOff>
      <xdr:row>74</xdr:row>
      <xdr:rowOff>81280</xdr:rowOff>
    </xdr:to>
    <xdr:cxnSp macro="">
      <xdr:nvCxnSpPr>
        <xdr:cNvPr id="371" name="直線コネクタ 370"/>
        <xdr:cNvCxnSpPr/>
      </xdr:nvCxnSpPr>
      <xdr:spPr>
        <a:xfrm>
          <a:off x="3987800" y="1273048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3997</xdr:rowOff>
    </xdr:from>
    <xdr:ext cx="762000" cy="259045"/>
    <xdr:sp macro="" textlink="">
      <xdr:nvSpPr>
        <xdr:cNvPr id="372" name="公債費平均値テキスト"/>
        <xdr:cNvSpPr txBox="1"/>
      </xdr:nvSpPr>
      <xdr:spPr>
        <a:xfrm>
          <a:off x="4914900" y="13124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1920</xdr:rowOff>
    </xdr:from>
    <xdr:to>
      <xdr:col>24</xdr:col>
      <xdr:colOff>76200</xdr:colOff>
      <xdr:row>77</xdr:row>
      <xdr:rowOff>52070</xdr:rowOff>
    </xdr:to>
    <xdr:sp macro="" textlink="">
      <xdr:nvSpPr>
        <xdr:cNvPr id="373" name="フローチャート: 判断 372"/>
        <xdr:cNvSpPr/>
      </xdr:nvSpPr>
      <xdr:spPr>
        <a:xfrm>
          <a:off x="47752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43180</xdr:rowOff>
    </xdr:from>
    <xdr:to>
      <xdr:col>19</xdr:col>
      <xdr:colOff>187325</xdr:colOff>
      <xdr:row>74</xdr:row>
      <xdr:rowOff>149860</xdr:rowOff>
    </xdr:to>
    <xdr:cxnSp macro="">
      <xdr:nvCxnSpPr>
        <xdr:cNvPr id="374" name="直線コネクタ 373"/>
        <xdr:cNvCxnSpPr/>
      </xdr:nvCxnSpPr>
      <xdr:spPr>
        <a:xfrm flipV="1">
          <a:off x="3098800" y="1273048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9061</xdr:rowOff>
    </xdr:from>
    <xdr:to>
      <xdr:col>20</xdr:col>
      <xdr:colOff>38100</xdr:colOff>
      <xdr:row>77</xdr:row>
      <xdr:rowOff>29211</xdr:rowOff>
    </xdr:to>
    <xdr:sp macro="" textlink="">
      <xdr:nvSpPr>
        <xdr:cNvPr id="375" name="フローチャート: 判断 374"/>
        <xdr:cNvSpPr/>
      </xdr:nvSpPr>
      <xdr:spPr>
        <a:xfrm>
          <a:off x="3937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988</xdr:rowOff>
    </xdr:from>
    <xdr:ext cx="736600" cy="259045"/>
    <xdr:sp macro="" textlink="">
      <xdr:nvSpPr>
        <xdr:cNvPr id="376" name="テキスト ボックス 375"/>
        <xdr:cNvSpPr txBox="1"/>
      </xdr:nvSpPr>
      <xdr:spPr>
        <a:xfrm>
          <a:off x="3606800" y="132156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49860</xdr:rowOff>
    </xdr:from>
    <xdr:to>
      <xdr:col>15</xdr:col>
      <xdr:colOff>98425</xdr:colOff>
      <xdr:row>75</xdr:row>
      <xdr:rowOff>8890</xdr:rowOff>
    </xdr:to>
    <xdr:cxnSp macro="">
      <xdr:nvCxnSpPr>
        <xdr:cNvPr id="377" name="直線コネクタ 376"/>
        <xdr:cNvCxnSpPr/>
      </xdr:nvCxnSpPr>
      <xdr:spPr>
        <a:xfrm flipV="1">
          <a:off x="2209800" y="128371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7161</xdr:rowOff>
    </xdr:from>
    <xdr:to>
      <xdr:col>15</xdr:col>
      <xdr:colOff>149225</xdr:colOff>
      <xdr:row>77</xdr:row>
      <xdr:rowOff>67311</xdr:rowOff>
    </xdr:to>
    <xdr:sp macro="" textlink="">
      <xdr:nvSpPr>
        <xdr:cNvPr id="378" name="フローチャート: 判断 377"/>
        <xdr:cNvSpPr/>
      </xdr:nvSpPr>
      <xdr:spPr>
        <a:xfrm>
          <a:off x="3048000" y="13167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2088</xdr:rowOff>
    </xdr:from>
    <xdr:ext cx="762000" cy="259045"/>
    <xdr:sp macro="" textlink="">
      <xdr:nvSpPr>
        <xdr:cNvPr id="379" name="テキスト ボックス 378"/>
        <xdr:cNvSpPr txBox="1"/>
      </xdr:nvSpPr>
      <xdr:spPr>
        <a:xfrm>
          <a:off x="2717800" y="132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8890</xdr:rowOff>
    </xdr:from>
    <xdr:to>
      <xdr:col>11</xdr:col>
      <xdr:colOff>9525</xdr:colOff>
      <xdr:row>75</xdr:row>
      <xdr:rowOff>8890</xdr:rowOff>
    </xdr:to>
    <xdr:cxnSp macro="">
      <xdr:nvCxnSpPr>
        <xdr:cNvPr id="380" name="直線コネクタ 379"/>
        <xdr:cNvCxnSpPr/>
      </xdr:nvCxnSpPr>
      <xdr:spPr>
        <a:xfrm>
          <a:off x="1320800" y="128676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9539</xdr:rowOff>
    </xdr:from>
    <xdr:to>
      <xdr:col>11</xdr:col>
      <xdr:colOff>60325</xdr:colOff>
      <xdr:row>77</xdr:row>
      <xdr:rowOff>59689</xdr:rowOff>
    </xdr:to>
    <xdr:sp macro="" textlink="">
      <xdr:nvSpPr>
        <xdr:cNvPr id="381" name="フローチャート: 判断 380"/>
        <xdr:cNvSpPr/>
      </xdr:nvSpPr>
      <xdr:spPr>
        <a:xfrm>
          <a:off x="2159000" y="13159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4466</xdr:rowOff>
    </xdr:from>
    <xdr:ext cx="762000" cy="259045"/>
    <xdr:sp macro="" textlink="">
      <xdr:nvSpPr>
        <xdr:cNvPr id="382" name="テキスト ボックス 381"/>
        <xdr:cNvSpPr txBox="1"/>
      </xdr:nvSpPr>
      <xdr:spPr>
        <a:xfrm>
          <a:off x="1828800" y="13246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52400</xdr:rowOff>
    </xdr:from>
    <xdr:to>
      <xdr:col>6</xdr:col>
      <xdr:colOff>171450</xdr:colOff>
      <xdr:row>77</xdr:row>
      <xdr:rowOff>82550</xdr:rowOff>
    </xdr:to>
    <xdr:sp macro="" textlink="">
      <xdr:nvSpPr>
        <xdr:cNvPr id="383" name="フローチャート: 判断 382"/>
        <xdr:cNvSpPr/>
      </xdr:nvSpPr>
      <xdr:spPr>
        <a:xfrm>
          <a:off x="1270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67327</xdr:rowOff>
    </xdr:from>
    <xdr:ext cx="762000" cy="259045"/>
    <xdr:sp macro="" textlink="">
      <xdr:nvSpPr>
        <xdr:cNvPr id="384" name="テキスト ボックス 383"/>
        <xdr:cNvSpPr txBox="1"/>
      </xdr:nvSpPr>
      <xdr:spPr>
        <a:xfrm>
          <a:off x="939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30480</xdr:rowOff>
    </xdr:from>
    <xdr:to>
      <xdr:col>24</xdr:col>
      <xdr:colOff>76200</xdr:colOff>
      <xdr:row>74</xdr:row>
      <xdr:rowOff>132080</xdr:rowOff>
    </xdr:to>
    <xdr:sp macro="" textlink="">
      <xdr:nvSpPr>
        <xdr:cNvPr id="390" name="楕円 389"/>
        <xdr:cNvSpPr/>
      </xdr:nvSpPr>
      <xdr:spPr>
        <a:xfrm>
          <a:off x="4775200" y="12717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47007</xdr:rowOff>
    </xdr:from>
    <xdr:ext cx="762000" cy="259045"/>
    <xdr:sp macro="" textlink="">
      <xdr:nvSpPr>
        <xdr:cNvPr id="391" name="公債費該当値テキスト"/>
        <xdr:cNvSpPr txBox="1"/>
      </xdr:nvSpPr>
      <xdr:spPr>
        <a:xfrm>
          <a:off x="4914900" y="1256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63830</xdr:rowOff>
    </xdr:from>
    <xdr:to>
      <xdr:col>20</xdr:col>
      <xdr:colOff>38100</xdr:colOff>
      <xdr:row>74</xdr:row>
      <xdr:rowOff>93980</xdr:rowOff>
    </xdr:to>
    <xdr:sp macro="" textlink="">
      <xdr:nvSpPr>
        <xdr:cNvPr id="392" name="楕円 391"/>
        <xdr:cNvSpPr/>
      </xdr:nvSpPr>
      <xdr:spPr>
        <a:xfrm>
          <a:off x="3937000" y="12679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104157</xdr:rowOff>
    </xdr:from>
    <xdr:ext cx="736600" cy="259045"/>
    <xdr:sp macro="" textlink="">
      <xdr:nvSpPr>
        <xdr:cNvPr id="393" name="テキスト ボックス 392"/>
        <xdr:cNvSpPr txBox="1"/>
      </xdr:nvSpPr>
      <xdr:spPr>
        <a:xfrm>
          <a:off x="3606800" y="12448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99060</xdr:rowOff>
    </xdr:from>
    <xdr:to>
      <xdr:col>15</xdr:col>
      <xdr:colOff>149225</xdr:colOff>
      <xdr:row>75</xdr:row>
      <xdr:rowOff>29210</xdr:rowOff>
    </xdr:to>
    <xdr:sp macro="" textlink="">
      <xdr:nvSpPr>
        <xdr:cNvPr id="394" name="楕円 393"/>
        <xdr:cNvSpPr/>
      </xdr:nvSpPr>
      <xdr:spPr>
        <a:xfrm>
          <a:off x="3048000" y="1278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39387</xdr:rowOff>
    </xdr:from>
    <xdr:ext cx="762000" cy="259045"/>
    <xdr:sp macro="" textlink="">
      <xdr:nvSpPr>
        <xdr:cNvPr id="395" name="テキスト ボックス 394"/>
        <xdr:cNvSpPr txBox="1"/>
      </xdr:nvSpPr>
      <xdr:spPr>
        <a:xfrm>
          <a:off x="2717800" y="12555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29540</xdr:rowOff>
    </xdr:from>
    <xdr:to>
      <xdr:col>11</xdr:col>
      <xdr:colOff>60325</xdr:colOff>
      <xdr:row>75</xdr:row>
      <xdr:rowOff>59690</xdr:rowOff>
    </xdr:to>
    <xdr:sp macro="" textlink="">
      <xdr:nvSpPr>
        <xdr:cNvPr id="396" name="楕円 395"/>
        <xdr:cNvSpPr/>
      </xdr:nvSpPr>
      <xdr:spPr>
        <a:xfrm>
          <a:off x="2159000" y="1281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69867</xdr:rowOff>
    </xdr:from>
    <xdr:ext cx="762000" cy="259045"/>
    <xdr:sp macro="" textlink="">
      <xdr:nvSpPr>
        <xdr:cNvPr id="397" name="テキスト ボックス 396"/>
        <xdr:cNvSpPr txBox="1"/>
      </xdr:nvSpPr>
      <xdr:spPr>
        <a:xfrm>
          <a:off x="1828800" y="1258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29540</xdr:rowOff>
    </xdr:from>
    <xdr:to>
      <xdr:col>6</xdr:col>
      <xdr:colOff>171450</xdr:colOff>
      <xdr:row>75</xdr:row>
      <xdr:rowOff>59690</xdr:rowOff>
    </xdr:to>
    <xdr:sp macro="" textlink="">
      <xdr:nvSpPr>
        <xdr:cNvPr id="398" name="楕円 397"/>
        <xdr:cNvSpPr/>
      </xdr:nvSpPr>
      <xdr:spPr>
        <a:xfrm>
          <a:off x="1270000" y="1281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69867</xdr:rowOff>
    </xdr:from>
    <xdr:ext cx="762000" cy="259045"/>
    <xdr:sp macro="" textlink="">
      <xdr:nvSpPr>
        <xdr:cNvPr id="399" name="テキスト ボックス 398"/>
        <xdr:cNvSpPr txBox="1"/>
      </xdr:nvSpPr>
      <xdr:spPr>
        <a:xfrm>
          <a:off x="939800" y="1258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公債費以外の経常収支比率は、分母にあたる経常一般財源等が減となったことから、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となり、依然として類似団体</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平均を上回っている状況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引き続き、行財政改革を推進しながら、将来を見据えた計画的な財政運営に努める。</a:t>
          </a:r>
        </a:p>
      </xdr:txBody>
    </xdr:sp>
    <xdr:clientData/>
  </xdr:twoCellAnchor>
  <xdr:oneCellAnchor>
    <xdr:from>
      <xdr:col>62</xdr:col>
      <xdr:colOff>6350</xdr:colOff>
      <xdr:row>69</xdr:row>
      <xdr:rowOff>107950</xdr:rowOff>
    </xdr:from>
    <xdr:ext cx="298543" cy="225703"/>
    <xdr:sp macro="" textlink="">
      <xdr:nvSpPr>
        <xdr:cNvPr id="411" name="テキスト ボックス 410"/>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4" name="直線コネクタ 413"/>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5" name="テキスト ボックス 414"/>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6" name="直線コネクタ 415"/>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7" name="テキスト ボックス 416"/>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8" name="直線コネクタ 41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9" name="テキスト ボックス 41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0" name="直線コネクタ 419"/>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1" name="テキスト ボックス 420"/>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2" name="直線コネクタ 421"/>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3" name="テキスト ボックス 422"/>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1280</xdr:rowOff>
    </xdr:from>
    <xdr:to>
      <xdr:col>82</xdr:col>
      <xdr:colOff>107950</xdr:colOff>
      <xdr:row>81</xdr:row>
      <xdr:rowOff>54611</xdr:rowOff>
    </xdr:to>
    <xdr:cxnSp macro="">
      <xdr:nvCxnSpPr>
        <xdr:cNvPr id="427" name="直線コネクタ 426"/>
        <xdr:cNvCxnSpPr/>
      </xdr:nvCxnSpPr>
      <xdr:spPr>
        <a:xfrm flipV="1">
          <a:off x="16510000" y="12425680"/>
          <a:ext cx="0" cy="1516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26688</xdr:rowOff>
    </xdr:from>
    <xdr:ext cx="762000" cy="259045"/>
    <xdr:sp macro="" textlink="">
      <xdr:nvSpPr>
        <xdr:cNvPr id="428" name="公債費以外最小値テキスト"/>
        <xdr:cNvSpPr txBox="1"/>
      </xdr:nvSpPr>
      <xdr:spPr>
        <a:xfrm>
          <a:off x="16598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4611</xdr:rowOff>
    </xdr:from>
    <xdr:to>
      <xdr:col>82</xdr:col>
      <xdr:colOff>196850</xdr:colOff>
      <xdr:row>81</xdr:row>
      <xdr:rowOff>54611</xdr:rowOff>
    </xdr:to>
    <xdr:cxnSp macro="">
      <xdr:nvCxnSpPr>
        <xdr:cNvPr id="429" name="直線コネクタ 428"/>
        <xdr:cNvCxnSpPr/>
      </xdr:nvCxnSpPr>
      <xdr:spPr>
        <a:xfrm>
          <a:off x="16421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167657</xdr:rowOff>
    </xdr:from>
    <xdr:ext cx="762000" cy="259045"/>
    <xdr:sp macro="" textlink="">
      <xdr:nvSpPr>
        <xdr:cNvPr id="430" name="公債費以外最大値テキスト"/>
        <xdr:cNvSpPr txBox="1"/>
      </xdr:nvSpPr>
      <xdr:spPr>
        <a:xfrm>
          <a:off x="16598900" y="1216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1280</xdr:rowOff>
    </xdr:from>
    <xdr:to>
      <xdr:col>82</xdr:col>
      <xdr:colOff>196850</xdr:colOff>
      <xdr:row>72</xdr:row>
      <xdr:rowOff>81280</xdr:rowOff>
    </xdr:to>
    <xdr:cxnSp macro="">
      <xdr:nvCxnSpPr>
        <xdr:cNvPr id="431" name="直線コネクタ 430"/>
        <xdr:cNvCxnSpPr/>
      </xdr:nvCxnSpPr>
      <xdr:spPr>
        <a:xfrm>
          <a:off x="16421100" y="12425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23190</xdr:rowOff>
    </xdr:from>
    <xdr:to>
      <xdr:col>82</xdr:col>
      <xdr:colOff>107950</xdr:colOff>
      <xdr:row>79</xdr:row>
      <xdr:rowOff>146050</xdr:rowOff>
    </xdr:to>
    <xdr:cxnSp macro="">
      <xdr:nvCxnSpPr>
        <xdr:cNvPr id="432" name="直線コネクタ 431"/>
        <xdr:cNvCxnSpPr/>
      </xdr:nvCxnSpPr>
      <xdr:spPr>
        <a:xfrm>
          <a:off x="15671800" y="12981940"/>
          <a:ext cx="838200" cy="708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0347</xdr:rowOff>
    </xdr:from>
    <xdr:ext cx="762000" cy="259045"/>
    <xdr:sp macro="" textlink="">
      <xdr:nvSpPr>
        <xdr:cNvPr id="433" name="公債費以外平均値テキスト"/>
        <xdr:cNvSpPr txBox="1"/>
      </xdr:nvSpPr>
      <xdr:spPr>
        <a:xfrm>
          <a:off x="16598900" y="12959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3820</xdr:rowOff>
    </xdr:from>
    <xdr:to>
      <xdr:col>82</xdr:col>
      <xdr:colOff>158750</xdr:colOff>
      <xdr:row>77</xdr:row>
      <xdr:rowOff>13970</xdr:rowOff>
    </xdr:to>
    <xdr:sp macro="" textlink="">
      <xdr:nvSpPr>
        <xdr:cNvPr id="434" name="フローチャート: 判断 433"/>
        <xdr:cNvSpPr/>
      </xdr:nvSpPr>
      <xdr:spPr>
        <a:xfrm>
          <a:off x="16459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123190</xdr:rowOff>
    </xdr:from>
    <xdr:to>
      <xdr:col>78</xdr:col>
      <xdr:colOff>69850</xdr:colOff>
      <xdr:row>78</xdr:row>
      <xdr:rowOff>134620</xdr:rowOff>
    </xdr:to>
    <xdr:cxnSp macro="">
      <xdr:nvCxnSpPr>
        <xdr:cNvPr id="435" name="直線コネクタ 434"/>
        <xdr:cNvCxnSpPr/>
      </xdr:nvCxnSpPr>
      <xdr:spPr>
        <a:xfrm flipV="1">
          <a:off x="14782800" y="12981940"/>
          <a:ext cx="889000" cy="525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41910</xdr:rowOff>
    </xdr:from>
    <xdr:to>
      <xdr:col>78</xdr:col>
      <xdr:colOff>120650</xdr:colOff>
      <xdr:row>75</xdr:row>
      <xdr:rowOff>143510</xdr:rowOff>
    </xdr:to>
    <xdr:sp macro="" textlink="">
      <xdr:nvSpPr>
        <xdr:cNvPr id="436" name="フローチャート: 判断 435"/>
        <xdr:cNvSpPr/>
      </xdr:nvSpPr>
      <xdr:spPr>
        <a:xfrm>
          <a:off x="15621000" y="1290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53687</xdr:rowOff>
    </xdr:from>
    <xdr:ext cx="736600" cy="259045"/>
    <xdr:sp macro="" textlink="">
      <xdr:nvSpPr>
        <xdr:cNvPr id="437" name="テキスト ボックス 436"/>
        <xdr:cNvSpPr txBox="1"/>
      </xdr:nvSpPr>
      <xdr:spPr>
        <a:xfrm>
          <a:off x="15290800" y="1266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34620</xdr:rowOff>
    </xdr:from>
    <xdr:to>
      <xdr:col>73</xdr:col>
      <xdr:colOff>180975</xdr:colOff>
      <xdr:row>79</xdr:row>
      <xdr:rowOff>46989</xdr:rowOff>
    </xdr:to>
    <xdr:cxnSp macro="">
      <xdr:nvCxnSpPr>
        <xdr:cNvPr id="438" name="直線コネクタ 437"/>
        <xdr:cNvCxnSpPr/>
      </xdr:nvCxnSpPr>
      <xdr:spPr>
        <a:xfrm flipV="1">
          <a:off x="13893800" y="13507720"/>
          <a:ext cx="889000" cy="83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0020</xdr:rowOff>
    </xdr:from>
    <xdr:to>
      <xdr:col>74</xdr:col>
      <xdr:colOff>31750</xdr:colOff>
      <xdr:row>77</xdr:row>
      <xdr:rowOff>90170</xdr:rowOff>
    </xdr:to>
    <xdr:sp macro="" textlink="">
      <xdr:nvSpPr>
        <xdr:cNvPr id="439" name="フローチャート: 判断 438"/>
        <xdr:cNvSpPr/>
      </xdr:nvSpPr>
      <xdr:spPr>
        <a:xfrm>
          <a:off x="14732000" y="1319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0347</xdr:rowOff>
    </xdr:from>
    <xdr:ext cx="762000" cy="259045"/>
    <xdr:sp macro="" textlink="">
      <xdr:nvSpPr>
        <xdr:cNvPr id="440" name="テキスト ボックス 439"/>
        <xdr:cNvSpPr txBox="1"/>
      </xdr:nvSpPr>
      <xdr:spPr>
        <a:xfrm>
          <a:off x="14401800" y="1295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61289</xdr:rowOff>
    </xdr:from>
    <xdr:to>
      <xdr:col>69</xdr:col>
      <xdr:colOff>92075</xdr:colOff>
      <xdr:row>79</xdr:row>
      <xdr:rowOff>46989</xdr:rowOff>
    </xdr:to>
    <xdr:cxnSp macro="">
      <xdr:nvCxnSpPr>
        <xdr:cNvPr id="441" name="直線コネクタ 440"/>
        <xdr:cNvCxnSpPr/>
      </xdr:nvCxnSpPr>
      <xdr:spPr>
        <a:xfrm>
          <a:off x="13004800" y="13362939"/>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26670</xdr:rowOff>
    </xdr:from>
    <xdr:to>
      <xdr:col>69</xdr:col>
      <xdr:colOff>142875</xdr:colOff>
      <xdr:row>77</xdr:row>
      <xdr:rowOff>128270</xdr:rowOff>
    </xdr:to>
    <xdr:sp macro="" textlink="">
      <xdr:nvSpPr>
        <xdr:cNvPr id="442" name="フローチャート: 判断 441"/>
        <xdr:cNvSpPr/>
      </xdr:nvSpPr>
      <xdr:spPr>
        <a:xfrm>
          <a:off x="13843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38447</xdr:rowOff>
    </xdr:from>
    <xdr:ext cx="762000" cy="259045"/>
    <xdr:sp macro="" textlink="">
      <xdr:nvSpPr>
        <xdr:cNvPr id="443" name="テキスト ボックス 442"/>
        <xdr:cNvSpPr txBox="1"/>
      </xdr:nvSpPr>
      <xdr:spPr>
        <a:xfrm>
          <a:off x="13512800" y="1299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4" name="フローチャート: 判断 443"/>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5" name="テキスト ボックス 444"/>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95250</xdr:rowOff>
    </xdr:from>
    <xdr:to>
      <xdr:col>82</xdr:col>
      <xdr:colOff>158750</xdr:colOff>
      <xdr:row>80</xdr:row>
      <xdr:rowOff>25400</xdr:rowOff>
    </xdr:to>
    <xdr:sp macro="" textlink="">
      <xdr:nvSpPr>
        <xdr:cNvPr id="451" name="楕円 450"/>
        <xdr:cNvSpPr/>
      </xdr:nvSpPr>
      <xdr:spPr>
        <a:xfrm>
          <a:off x="16459200" y="1363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67327</xdr:rowOff>
    </xdr:from>
    <xdr:ext cx="762000" cy="259045"/>
    <xdr:sp macro="" textlink="">
      <xdr:nvSpPr>
        <xdr:cNvPr id="452" name="公債費以外該当値テキスト"/>
        <xdr:cNvSpPr txBox="1"/>
      </xdr:nvSpPr>
      <xdr:spPr>
        <a:xfrm>
          <a:off x="16598900" y="1361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72390</xdr:rowOff>
    </xdr:from>
    <xdr:to>
      <xdr:col>78</xdr:col>
      <xdr:colOff>120650</xdr:colOff>
      <xdr:row>76</xdr:row>
      <xdr:rowOff>2539</xdr:rowOff>
    </xdr:to>
    <xdr:sp macro="" textlink="">
      <xdr:nvSpPr>
        <xdr:cNvPr id="453" name="楕円 452"/>
        <xdr:cNvSpPr/>
      </xdr:nvSpPr>
      <xdr:spPr>
        <a:xfrm>
          <a:off x="156210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58766</xdr:rowOff>
    </xdr:from>
    <xdr:ext cx="736600" cy="259045"/>
    <xdr:sp macro="" textlink="">
      <xdr:nvSpPr>
        <xdr:cNvPr id="454" name="テキスト ボックス 453"/>
        <xdr:cNvSpPr txBox="1"/>
      </xdr:nvSpPr>
      <xdr:spPr>
        <a:xfrm>
          <a:off x="15290800" y="130175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83820</xdr:rowOff>
    </xdr:from>
    <xdr:to>
      <xdr:col>74</xdr:col>
      <xdr:colOff>31750</xdr:colOff>
      <xdr:row>79</xdr:row>
      <xdr:rowOff>13970</xdr:rowOff>
    </xdr:to>
    <xdr:sp macro="" textlink="">
      <xdr:nvSpPr>
        <xdr:cNvPr id="455" name="楕円 454"/>
        <xdr:cNvSpPr/>
      </xdr:nvSpPr>
      <xdr:spPr>
        <a:xfrm>
          <a:off x="14732000" y="1345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70197</xdr:rowOff>
    </xdr:from>
    <xdr:ext cx="762000" cy="259045"/>
    <xdr:sp macro="" textlink="">
      <xdr:nvSpPr>
        <xdr:cNvPr id="456" name="テキスト ボックス 455"/>
        <xdr:cNvSpPr txBox="1"/>
      </xdr:nvSpPr>
      <xdr:spPr>
        <a:xfrm>
          <a:off x="14401800" y="13543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67639</xdr:rowOff>
    </xdr:from>
    <xdr:to>
      <xdr:col>69</xdr:col>
      <xdr:colOff>142875</xdr:colOff>
      <xdr:row>79</xdr:row>
      <xdr:rowOff>97789</xdr:rowOff>
    </xdr:to>
    <xdr:sp macro="" textlink="">
      <xdr:nvSpPr>
        <xdr:cNvPr id="457" name="楕円 456"/>
        <xdr:cNvSpPr/>
      </xdr:nvSpPr>
      <xdr:spPr>
        <a:xfrm>
          <a:off x="13843000" y="1354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82566</xdr:rowOff>
    </xdr:from>
    <xdr:ext cx="762000" cy="259045"/>
    <xdr:sp macro="" textlink="">
      <xdr:nvSpPr>
        <xdr:cNvPr id="458" name="テキスト ボックス 457"/>
        <xdr:cNvSpPr txBox="1"/>
      </xdr:nvSpPr>
      <xdr:spPr>
        <a:xfrm>
          <a:off x="13512800" y="13627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0489</xdr:rowOff>
    </xdr:from>
    <xdr:to>
      <xdr:col>65</xdr:col>
      <xdr:colOff>53975</xdr:colOff>
      <xdr:row>78</xdr:row>
      <xdr:rowOff>40639</xdr:rowOff>
    </xdr:to>
    <xdr:sp macro="" textlink="">
      <xdr:nvSpPr>
        <xdr:cNvPr id="459" name="楕円 458"/>
        <xdr:cNvSpPr/>
      </xdr:nvSpPr>
      <xdr:spPr>
        <a:xfrm>
          <a:off x="12954000" y="1331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25416</xdr:rowOff>
    </xdr:from>
    <xdr:ext cx="762000" cy="259045"/>
    <xdr:sp macro="" textlink="">
      <xdr:nvSpPr>
        <xdr:cNvPr id="460" name="テキスト ボックス 459"/>
        <xdr:cNvSpPr txBox="1"/>
      </xdr:nvSpPr>
      <xdr:spPr>
        <a:xfrm>
          <a:off x="12623800" y="13398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昭島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8087</xdr:rowOff>
    </xdr:from>
    <xdr:to>
      <xdr:col>29</xdr:col>
      <xdr:colOff>127000</xdr:colOff>
      <xdr:row>19</xdr:row>
      <xdr:rowOff>50267</xdr:rowOff>
    </xdr:to>
    <xdr:cxnSp macro="">
      <xdr:nvCxnSpPr>
        <xdr:cNvPr id="43" name="直線コネクタ 42"/>
        <xdr:cNvCxnSpPr/>
      </xdr:nvCxnSpPr>
      <xdr:spPr bwMode="auto">
        <a:xfrm flipV="1">
          <a:off x="5651500" y="2183112"/>
          <a:ext cx="0" cy="117233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22344</xdr:rowOff>
    </xdr:from>
    <xdr:ext cx="762000" cy="259045"/>
    <xdr:sp macro="" textlink="">
      <xdr:nvSpPr>
        <xdr:cNvPr id="44" name="人口1人当たり決算額の推移最小値テキスト130"/>
        <xdr:cNvSpPr txBox="1"/>
      </xdr:nvSpPr>
      <xdr:spPr>
        <a:xfrm>
          <a:off x="5740400" y="3327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50267</xdr:rowOff>
    </xdr:from>
    <xdr:to>
      <xdr:col>30</xdr:col>
      <xdr:colOff>25400</xdr:colOff>
      <xdr:row>19</xdr:row>
      <xdr:rowOff>50267</xdr:rowOff>
    </xdr:to>
    <xdr:cxnSp macro="">
      <xdr:nvCxnSpPr>
        <xdr:cNvPr id="45" name="直線コネクタ 44"/>
        <xdr:cNvCxnSpPr/>
      </xdr:nvCxnSpPr>
      <xdr:spPr bwMode="auto">
        <a:xfrm>
          <a:off x="5562600" y="3355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4464</xdr:rowOff>
    </xdr:from>
    <xdr:ext cx="762000" cy="259045"/>
    <xdr:sp macro="" textlink="">
      <xdr:nvSpPr>
        <xdr:cNvPr id="46" name="人口1人当たり決算額の推移最大値テキスト130"/>
        <xdr:cNvSpPr txBox="1"/>
      </xdr:nvSpPr>
      <xdr:spPr>
        <a:xfrm>
          <a:off x="5740400" y="192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8087</xdr:rowOff>
    </xdr:from>
    <xdr:to>
      <xdr:col>30</xdr:col>
      <xdr:colOff>25400</xdr:colOff>
      <xdr:row>12</xdr:row>
      <xdr:rowOff>78087</xdr:rowOff>
    </xdr:to>
    <xdr:cxnSp macro="">
      <xdr:nvCxnSpPr>
        <xdr:cNvPr id="47" name="直線コネクタ 46"/>
        <xdr:cNvCxnSpPr/>
      </xdr:nvCxnSpPr>
      <xdr:spPr bwMode="auto">
        <a:xfrm>
          <a:off x="5562600" y="21831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44460</xdr:rowOff>
    </xdr:from>
    <xdr:to>
      <xdr:col>29</xdr:col>
      <xdr:colOff>127000</xdr:colOff>
      <xdr:row>18</xdr:row>
      <xdr:rowOff>52347</xdr:rowOff>
    </xdr:to>
    <xdr:cxnSp macro="">
      <xdr:nvCxnSpPr>
        <xdr:cNvPr id="48" name="直線コネクタ 47"/>
        <xdr:cNvCxnSpPr/>
      </xdr:nvCxnSpPr>
      <xdr:spPr bwMode="auto">
        <a:xfrm>
          <a:off x="5003800" y="3178185"/>
          <a:ext cx="647700" cy="788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39677</xdr:rowOff>
    </xdr:from>
    <xdr:ext cx="762000" cy="259045"/>
    <xdr:sp macro="" textlink="">
      <xdr:nvSpPr>
        <xdr:cNvPr id="49" name="人口1人当たり決算額の推移平均値テキスト130"/>
        <xdr:cNvSpPr txBox="1"/>
      </xdr:nvSpPr>
      <xdr:spPr>
        <a:xfrm>
          <a:off x="5740400" y="2659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3150</xdr:rowOff>
    </xdr:from>
    <xdr:to>
      <xdr:col>29</xdr:col>
      <xdr:colOff>177800</xdr:colOff>
      <xdr:row>16</xdr:row>
      <xdr:rowOff>124750</xdr:rowOff>
    </xdr:to>
    <xdr:sp macro="" textlink="">
      <xdr:nvSpPr>
        <xdr:cNvPr id="50" name="フローチャート: 判断 49"/>
        <xdr:cNvSpPr/>
      </xdr:nvSpPr>
      <xdr:spPr bwMode="auto">
        <a:xfrm>
          <a:off x="5600700" y="28139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33236</xdr:rowOff>
    </xdr:from>
    <xdr:to>
      <xdr:col>26</xdr:col>
      <xdr:colOff>50800</xdr:colOff>
      <xdr:row>18</xdr:row>
      <xdr:rowOff>44460</xdr:rowOff>
    </xdr:to>
    <xdr:cxnSp macro="">
      <xdr:nvCxnSpPr>
        <xdr:cNvPr id="51" name="直線コネクタ 50"/>
        <xdr:cNvCxnSpPr/>
      </xdr:nvCxnSpPr>
      <xdr:spPr bwMode="auto">
        <a:xfrm>
          <a:off x="4305300" y="3166961"/>
          <a:ext cx="698500" cy="112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33780</xdr:rowOff>
    </xdr:from>
    <xdr:to>
      <xdr:col>26</xdr:col>
      <xdr:colOff>101600</xdr:colOff>
      <xdr:row>16</xdr:row>
      <xdr:rowOff>135380</xdr:rowOff>
    </xdr:to>
    <xdr:sp macro="" textlink="">
      <xdr:nvSpPr>
        <xdr:cNvPr id="52" name="フローチャート: 判断 51"/>
        <xdr:cNvSpPr/>
      </xdr:nvSpPr>
      <xdr:spPr bwMode="auto">
        <a:xfrm>
          <a:off x="4953000" y="282460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45557</xdr:rowOff>
    </xdr:from>
    <xdr:ext cx="736600" cy="259045"/>
    <xdr:sp macro="" textlink="">
      <xdr:nvSpPr>
        <xdr:cNvPr id="53" name="テキスト ボックス 52"/>
        <xdr:cNvSpPr txBox="1"/>
      </xdr:nvSpPr>
      <xdr:spPr>
        <a:xfrm>
          <a:off x="4622800" y="2593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33236</xdr:rowOff>
    </xdr:from>
    <xdr:to>
      <xdr:col>22</xdr:col>
      <xdr:colOff>114300</xdr:colOff>
      <xdr:row>18</xdr:row>
      <xdr:rowOff>72829</xdr:rowOff>
    </xdr:to>
    <xdr:cxnSp macro="">
      <xdr:nvCxnSpPr>
        <xdr:cNvPr id="54" name="直線コネクタ 53"/>
        <xdr:cNvCxnSpPr/>
      </xdr:nvCxnSpPr>
      <xdr:spPr bwMode="auto">
        <a:xfrm flipV="1">
          <a:off x="3606800" y="3166961"/>
          <a:ext cx="698500" cy="395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57485</xdr:rowOff>
    </xdr:from>
    <xdr:to>
      <xdr:col>22</xdr:col>
      <xdr:colOff>165100</xdr:colOff>
      <xdr:row>16</xdr:row>
      <xdr:rowOff>159085</xdr:rowOff>
    </xdr:to>
    <xdr:sp macro="" textlink="">
      <xdr:nvSpPr>
        <xdr:cNvPr id="55" name="フローチャート: 判断 54"/>
        <xdr:cNvSpPr/>
      </xdr:nvSpPr>
      <xdr:spPr bwMode="auto">
        <a:xfrm>
          <a:off x="4254500" y="28483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69262</xdr:rowOff>
    </xdr:from>
    <xdr:ext cx="762000" cy="259045"/>
    <xdr:sp macro="" textlink="">
      <xdr:nvSpPr>
        <xdr:cNvPr id="56" name="テキスト ボックス 55"/>
        <xdr:cNvSpPr txBox="1"/>
      </xdr:nvSpPr>
      <xdr:spPr>
        <a:xfrm>
          <a:off x="3924300" y="2617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72829</xdr:rowOff>
    </xdr:from>
    <xdr:to>
      <xdr:col>18</xdr:col>
      <xdr:colOff>177800</xdr:colOff>
      <xdr:row>18</xdr:row>
      <xdr:rowOff>92558</xdr:rowOff>
    </xdr:to>
    <xdr:cxnSp macro="">
      <xdr:nvCxnSpPr>
        <xdr:cNvPr id="57" name="直線コネクタ 56"/>
        <xdr:cNvCxnSpPr/>
      </xdr:nvCxnSpPr>
      <xdr:spPr bwMode="auto">
        <a:xfrm flipV="1">
          <a:off x="2908300" y="3206554"/>
          <a:ext cx="698500" cy="197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96301</xdr:rowOff>
    </xdr:from>
    <xdr:to>
      <xdr:col>19</xdr:col>
      <xdr:colOff>38100</xdr:colOff>
      <xdr:row>17</xdr:row>
      <xdr:rowOff>26451</xdr:rowOff>
    </xdr:to>
    <xdr:sp macro="" textlink="">
      <xdr:nvSpPr>
        <xdr:cNvPr id="58" name="フローチャート: 判断 57"/>
        <xdr:cNvSpPr/>
      </xdr:nvSpPr>
      <xdr:spPr bwMode="auto">
        <a:xfrm>
          <a:off x="3556000" y="28871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36628</xdr:rowOff>
    </xdr:from>
    <xdr:ext cx="762000" cy="259045"/>
    <xdr:sp macro="" textlink="">
      <xdr:nvSpPr>
        <xdr:cNvPr id="59" name="テキスト ボックス 58"/>
        <xdr:cNvSpPr txBox="1"/>
      </xdr:nvSpPr>
      <xdr:spPr>
        <a:xfrm>
          <a:off x="3225800" y="2656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09172</xdr:rowOff>
    </xdr:from>
    <xdr:to>
      <xdr:col>15</xdr:col>
      <xdr:colOff>101600</xdr:colOff>
      <xdr:row>17</xdr:row>
      <xdr:rowOff>39322</xdr:rowOff>
    </xdr:to>
    <xdr:sp macro="" textlink="">
      <xdr:nvSpPr>
        <xdr:cNvPr id="60" name="フローチャート: 判断 59"/>
        <xdr:cNvSpPr/>
      </xdr:nvSpPr>
      <xdr:spPr bwMode="auto">
        <a:xfrm>
          <a:off x="2857500" y="28999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49499</xdr:rowOff>
    </xdr:from>
    <xdr:ext cx="762000" cy="259045"/>
    <xdr:sp macro="" textlink="">
      <xdr:nvSpPr>
        <xdr:cNvPr id="61" name="テキスト ボックス 60"/>
        <xdr:cNvSpPr txBox="1"/>
      </xdr:nvSpPr>
      <xdr:spPr>
        <a:xfrm>
          <a:off x="2527300" y="2668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547</xdr:rowOff>
    </xdr:from>
    <xdr:to>
      <xdr:col>29</xdr:col>
      <xdr:colOff>177800</xdr:colOff>
      <xdr:row>18</xdr:row>
      <xdr:rowOff>103147</xdr:rowOff>
    </xdr:to>
    <xdr:sp macro="" textlink="">
      <xdr:nvSpPr>
        <xdr:cNvPr id="67" name="楕円 66"/>
        <xdr:cNvSpPr/>
      </xdr:nvSpPr>
      <xdr:spPr bwMode="auto">
        <a:xfrm>
          <a:off x="5600700" y="31352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45074</xdr:rowOff>
    </xdr:from>
    <xdr:ext cx="762000" cy="259045"/>
    <xdr:sp macro="" textlink="">
      <xdr:nvSpPr>
        <xdr:cNvPr id="68" name="人口1人当たり決算額の推移該当値テキスト130"/>
        <xdr:cNvSpPr txBox="1"/>
      </xdr:nvSpPr>
      <xdr:spPr>
        <a:xfrm>
          <a:off x="5740400" y="310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65110</xdr:rowOff>
    </xdr:from>
    <xdr:to>
      <xdr:col>26</xdr:col>
      <xdr:colOff>101600</xdr:colOff>
      <xdr:row>18</xdr:row>
      <xdr:rowOff>95260</xdr:rowOff>
    </xdr:to>
    <xdr:sp macro="" textlink="">
      <xdr:nvSpPr>
        <xdr:cNvPr id="69" name="楕円 68"/>
        <xdr:cNvSpPr/>
      </xdr:nvSpPr>
      <xdr:spPr bwMode="auto">
        <a:xfrm>
          <a:off x="4953000" y="31273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80037</xdr:rowOff>
    </xdr:from>
    <xdr:ext cx="736600" cy="259045"/>
    <xdr:sp macro="" textlink="">
      <xdr:nvSpPr>
        <xdr:cNvPr id="70" name="テキスト ボックス 69"/>
        <xdr:cNvSpPr txBox="1"/>
      </xdr:nvSpPr>
      <xdr:spPr>
        <a:xfrm>
          <a:off x="4622800" y="3213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53886</xdr:rowOff>
    </xdr:from>
    <xdr:to>
      <xdr:col>22</xdr:col>
      <xdr:colOff>165100</xdr:colOff>
      <xdr:row>18</xdr:row>
      <xdr:rowOff>84036</xdr:rowOff>
    </xdr:to>
    <xdr:sp macro="" textlink="">
      <xdr:nvSpPr>
        <xdr:cNvPr id="71" name="楕円 70"/>
        <xdr:cNvSpPr/>
      </xdr:nvSpPr>
      <xdr:spPr bwMode="auto">
        <a:xfrm>
          <a:off x="4254500" y="31161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68813</xdr:rowOff>
    </xdr:from>
    <xdr:ext cx="762000" cy="259045"/>
    <xdr:sp macro="" textlink="">
      <xdr:nvSpPr>
        <xdr:cNvPr id="72" name="テキスト ボックス 71"/>
        <xdr:cNvSpPr txBox="1"/>
      </xdr:nvSpPr>
      <xdr:spPr>
        <a:xfrm>
          <a:off x="3924300" y="3202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22029</xdr:rowOff>
    </xdr:from>
    <xdr:to>
      <xdr:col>19</xdr:col>
      <xdr:colOff>38100</xdr:colOff>
      <xdr:row>18</xdr:row>
      <xdr:rowOff>123630</xdr:rowOff>
    </xdr:to>
    <xdr:sp macro="" textlink="">
      <xdr:nvSpPr>
        <xdr:cNvPr id="73" name="楕円 72"/>
        <xdr:cNvSpPr/>
      </xdr:nvSpPr>
      <xdr:spPr bwMode="auto">
        <a:xfrm>
          <a:off x="3556000" y="3155754"/>
          <a:ext cx="101600" cy="101601"/>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08406</xdr:rowOff>
    </xdr:from>
    <xdr:ext cx="762000" cy="259045"/>
    <xdr:sp macro="" textlink="">
      <xdr:nvSpPr>
        <xdr:cNvPr id="74" name="テキスト ボックス 73"/>
        <xdr:cNvSpPr txBox="1"/>
      </xdr:nvSpPr>
      <xdr:spPr>
        <a:xfrm>
          <a:off x="3225800" y="3242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1758</xdr:rowOff>
    </xdr:from>
    <xdr:to>
      <xdr:col>15</xdr:col>
      <xdr:colOff>101600</xdr:colOff>
      <xdr:row>18</xdr:row>
      <xdr:rowOff>143358</xdr:rowOff>
    </xdr:to>
    <xdr:sp macro="" textlink="">
      <xdr:nvSpPr>
        <xdr:cNvPr id="75" name="楕円 74"/>
        <xdr:cNvSpPr/>
      </xdr:nvSpPr>
      <xdr:spPr bwMode="auto">
        <a:xfrm>
          <a:off x="2857500" y="31754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28135</xdr:rowOff>
    </xdr:from>
    <xdr:ext cx="762000" cy="259045"/>
    <xdr:sp macro="" textlink="">
      <xdr:nvSpPr>
        <xdr:cNvPr id="76" name="テキスト ボックス 75"/>
        <xdr:cNvSpPr txBox="1"/>
      </xdr:nvSpPr>
      <xdr:spPr>
        <a:xfrm>
          <a:off x="2527300" y="3261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95351</xdr:rowOff>
    </xdr:from>
    <xdr:to>
      <xdr:col>29</xdr:col>
      <xdr:colOff>127000</xdr:colOff>
      <xdr:row>37</xdr:row>
      <xdr:rowOff>223507</xdr:rowOff>
    </xdr:to>
    <xdr:cxnSp macro="">
      <xdr:nvCxnSpPr>
        <xdr:cNvPr id="104" name="直線コネクタ 103"/>
        <xdr:cNvCxnSpPr/>
      </xdr:nvCxnSpPr>
      <xdr:spPr bwMode="auto">
        <a:xfrm flipV="1">
          <a:off x="5651500" y="6119901"/>
          <a:ext cx="0" cy="122830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5584</xdr:rowOff>
    </xdr:from>
    <xdr:ext cx="762000" cy="259045"/>
    <xdr:sp macro="" textlink="">
      <xdr:nvSpPr>
        <xdr:cNvPr id="105" name="人口1人当たり決算額の推移最小値テキスト445"/>
        <xdr:cNvSpPr txBox="1"/>
      </xdr:nvSpPr>
      <xdr:spPr>
        <a:xfrm>
          <a:off x="5740400" y="7320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23507</xdr:rowOff>
    </xdr:from>
    <xdr:to>
      <xdr:col>30</xdr:col>
      <xdr:colOff>25400</xdr:colOff>
      <xdr:row>37</xdr:row>
      <xdr:rowOff>223507</xdr:rowOff>
    </xdr:to>
    <xdr:cxnSp macro="">
      <xdr:nvCxnSpPr>
        <xdr:cNvPr id="106" name="直線コネクタ 105"/>
        <xdr:cNvCxnSpPr/>
      </xdr:nvCxnSpPr>
      <xdr:spPr bwMode="auto">
        <a:xfrm>
          <a:off x="5562600" y="73482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0278</xdr:rowOff>
    </xdr:from>
    <xdr:ext cx="762000" cy="259045"/>
    <xdr:sp macro="" textlink="">
      <xdr:nvSpPr>
        <xdr:cNvPr id="107" name="人口1人当たり決算額の推移最大値テキスト445"/>
        <xdr:cNvSpPr txBox="1"/>
      </xdr:nvSpPr>
      <xdr:spPr>
        <a:xfrm>
          <a:off x="5740400" y="5863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95351</xdr:rowOff>
    </xdr:from>
    <xdr:to>
      <xdr:col>30</xdr:col>
      <xdr:colOff>25400</xdr:colOff>
      <xdr:row>33</xdr:row>
      <xdr:rowOff>195351</xdr:rowOff>
    </xdr:to>
    <xdr:cxnSp macro="">
      <xdr:nvCxnSpPr>
        <xdr:cNvPr id="108" name="直線コネクタ 107"/>
        <xdr:cNvCxnSpPr/>
      </xdr:nvCxnSpPr>
      <xdr:spPr bwMode="auto">
        <a:xfrm>
          <a:off x="5562600" y="61199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27140</xdr:rowOff>
    </xdr:from>
    <xdr:to>
      <xdr:col>29</xdr:col>
      <xdr:colOff>127000</xdr:colOff>
      <xdr:row>37</xdr:row>
      <xdr:rowOff>43752</xdr:rowOff>
    </xdr:to>
    <xdr:cxnSp macro="">
      <xdr:nvCxnSpPr>
        <xdr:cNvPr id="109" name="直線コネクタ 108"/>
        <xdr:cNvCxnSpPr/>
      </xdr:nvCxnSpPr>
      <xdr:spPr bwMode="auto">
        <a:xfrm flipV="1">
          <a:off x="5003800" y="7151840"/>
          <a:ext cx="647700" cy="166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36414</xdr:rowOff>
    </xdr:from>
    <xdr:ext cx="762000" cy="259045"/>
    <xdr:sp macro="" textlink="">
      <xdr:nvSpPr>
        <xdr:cNvPr id="110" name="人口1人当たり決算額の推移平均値テキスト445"/>
        <xdr:cNvSpPr txBox="1"/>
      </xdr:nvSpPr>
      <xdr:spPr>
        <a:xfrm>
          <a:off x="5740400" y="66038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48437</xdr:rowOff>
    </xdr:from>
    <xdr:to>
      <xdr:col>29</xdr:col>
      <xdr:colOff>177800</xdr:colOff>
      <xdr:row>35</xdr:row>
      <xdr:rowOff>250037</xdr:rowOff>
    </xdr:to>
    <xdr:sp macro="" textlink="">
      <xdr:nvSpPr>
        <xdr:cNvPr id="111" name="フローチャート: 判断 110"/>
        <xdr:cNvSpPr/>
      </xdr:nvSpPr>
      <xdr:spPr bwMode="auto">
        <a:xfrm>
          <a:off x="5600700" y="67587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5101</xdr:rowOff>
    </xdr:from>
    <xdr:to>
      <xdr:col>26</xdr:col>
      <xdr:colOff>50800</xdr:colOff>
      <xdr:row>37</xdr:row>
      <xdr:rowOff>43752</xdr:rowOff>
    </xdr:to>
    <xdr:cxnSp macro="">
      <xdr:nvCxnSpPr>
        <xdr:cNvPr id="112" name="直線コネクタ 111"/>
        <xdr:cNvCxnSpPr/>
      </xdr:nvCxnSpPr>
      <xdr:spPr bwMode="auto">
        <a:xfrm>
          <a:off x="4305300" y="7139801"/>
          <a:ext cx="698500" cy="286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66574</xdr:rowOff>
    </xdr:from>
    <xdr:to>
      <xdr:col>26</xdr:col>
      <xdr:colOff>101600</xdr:colOff>
      <xdr:row>35</xdr:row>
      <xdr:rowOff>268174</xdr:rowOff>
    </xdr:to>
    <xdr:sp macro="" textlink="">
      <xdr:nvSpPr>
        <xdr:cNvPr id="113" name="フローチャート: 判断 112"/>
        <xdr:cNvSpPr/>
      </xdr:nvSpPr>
      <xdr:spPr bwMode="auto">
        <a:xfrm>
          <a:off x="4953000" y="67769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78351</xdr:rowOff>
    </xdr:from>
    <xdr:ext cx="736600" cy="259045"/>
    <xdr:sp macro="" textlink="">
      <xdr:nvSpPr>
        <xdr:cNvPr id="114" name="テキスト ボックス 113"/>
        <xdr:cNvSpPr txBox="1"/>
      </xdr:nvSpPr>
      <xdr:spPr>
        <a:xfrm>
          <a:off x="4622800" y="6545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0338</xdr:rowOff>
    </xdr:from>
    <xdr:to>
      <xdr:col>22</xdr:col>
      <xdr:colOff>114300</xdr:colOff>
      <xdr:row>37</xdr:row>
      <xdr:rowOff>15101</xdr:rowOff>
    </xdr:to>
    <xdr:cxnSp macro="">
      <xdr:nvCxnSpPr>
        <xdr:cNvPr id="115" name="直線コネクタ 114"/>
        <xdr:cNvCxnSpPr/>
      </xdr:nvCxnSpPr>
      <xdr:spPr bwMode="auto">
        <a:xfrm>
          <a:off x="3606800" y="7135038"/>
          <a:ext cx="698500" cy="47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0866</xdr:rowOff>
    </xdr:from>
    <xdr:to>
      <xdr:col>22</xdr:col>
      <xdr:colOff>165100</xdr:colOff>
      <xdr:row>35</xdr:row>
      <xdr:rowOff>322466</xdr:rowOff>
    </xdr:to>
    <xdr:sp macro="" textlink="">
      <xdr:nvSpPr>
        <xdr:cNvPr id="116" name="フローチャート: 判断 115"/>
        <xdr:cNvSpPr/>
      </xdr:nvSpPr>
      <xdr:spPr bwMode="auto">
        <a:xfrm>
          <a:off x="4254500" y="68312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32643</xdr:rowOff>
    </xdr:from>
    <xdr:ext cx="762000" cy="259045"/>
    <xdr:sp macro="" textlink="">
      <xdr:nvSpPr>
        <xdr:cNvPr id="117" name="テキスト ボックス 116"/>
        <xdr:cNvSpPr txBox="1"/>
      </xdr:nvSpPr>
      <xdr:spPr>
        <a:xfrm>
          <a:off x="3924300" y="6600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0338</xdr:rowOff>
    </xdr:from>
    <xdr:to>
      <xdr:col>18</xdr:col>
      <xdr:colOff>177800</xdr:colOff>
      <xdr:row>37</xdr:row>
      <xdr:rowOff>21654</xdr:rowOff>
    </xdr:to>
    <xdr:cxnSp macro="">
      <xdr:nvCxnSpPr>
        <xdr:cNvPr id="118" name="直線コネクタ 117"/>
        <xdr:cNvCxnSpPr/>
      </xdr:nvCxnSpPr>
      <xdr:spPr bwMode="auto">
        <a:xfrm flipV="1">
          <a:off x="2908300" y="7135038"/>
          <a:ext cx="698500" cy="113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9400</xdr:rowOff>
    </xdr:from>
    <xdr:to>
      <xdr:col>19</xdr:col>
      <xdr:colOff>38100</xdr:colOff>
      <xdr:row>35</xdr:row>
      <xdr:rowOff>331000</xdr:rowOff>
    </xdr:to>
    <xdr:sp macro="" textlink="">
      <xdr:nvSpPr>
        <xdr:cNvPr id="119" name="フローチャート: 判断 118"/>
        <xdr:cNvSpPr/>
      </xdr:nvSpPr>
      <xdr:spPr bwMode="auto">
        <a:xfrm>
          <a:off x="35560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41177</xdr:rowOff>
    </xdr:from>
    <xdr:ext cx="762000" cy="259045"/>
    <xdr:sp macro="" textlink="">
      <xdr:nvSpPr>
        <xdr:cNvPr id="120" name="テキスト ボックス 119"/>
        <xdr:cNvSpPr txBox="1"/>
      </xdr:nvSpPr>
      <xdr:spPr>
        <a:xfrm>
          <a:off x="3225800" y="66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2179</xdr:rowOff>
    </xdr:from>
    <xdr:to>
      <xdr:col>15</xdr:col>
      <xdr:colOff>101600</xdr:colOff>
      <xdr:row>35</xdr:row>
      <xdr:rowOff>313779</xdr:rowOff>
    </xdr:to>
    <xdr:sp macro="" textlink="">
      <xdr:nvSpPr>
        <xdr:cNvPr id="121" name="フローチャート: 判断 120"/>
        <xdr:cNvSpPr/>
      </xdr:nvSpPr>
      <xdr:spPr bwMode="auto">
        <a:xfrm>
          <a:off x="28575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3956</xdr:rowOff>
    </xdr:from>
    <xdr:ext cx="762000" cy="259045"/>
    <xdr:sp macro="" textlink="">
      <xdr:nvSpPr>
        <xdr:cNvPr id="122" name="テキスト ボックス 121"/>
        <xdr:cNvSpPr txBox="1"/>
      </xdr:nvSpPr>
      <xdr:spPr>
        <a:xfrm>
          <a:off x="2527300" y="6591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47790</xdr:rowOff>
    </xdr:from>
    <xdr:to>
      <xdr:col>29</xdr:col>
      <xdr:colOff>177800</xdr:colOff>
      <xdr:row>37</xdr:row>
      <xdr:rowOff>77940</xdr:rowOff>
    </xdr:to>
    <xdr:sp macro="" textlink="">
      <xdr:nvSpPr>
        <xdr:cNvPr id="128" name="楕円 127"/>
        <xdr:cNvSpPr/>
      </xdr:nvSpPr>
      <xdr:spPr bwMode="auto">
        <a:xfrm>
          <a:off x="5600700" y="71010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19867</xdr:rowOff>
    </xdr:from>
    <xdr:ext cx="762000" cy="259045"/>
    <xdr:sp macro="" textlink="">
      <xdr:nvSpPr>
        <xdr:cNvPr id="129" name="人口1人当たり決算額の推移該当値テキスト445"/>
        <xdr:cNvSpPr txBox="1"/>
      </xdr:nvSpPr>
      <xdr:spPr>
        <a:xfrm>
          <a:off x="5740400" y="7073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64402</xdr:rowOff>
    </xdr:from>
    <xdr:to>
      <xdr:col>26</xdr:col>
      <xdr:colOff>101600</xdr:colOff>
      <xdr:row>37</xdr:row>
      <xdr:rowOff>94552</xdr:rowOff>
    </xdr:to>
    <xdr:sp macro="" textlink="">
      <xdr:nvSpPr>
        <xdr:cNvPr id="130" name="楕円 129"/>
        <xdr:cNvSpPr/>
      </xdr:nvSpPr>
      <xdr:spPr bwMode="auto">
        <a:xfrm>
          <a:off x="4953000" y="71176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79329</xdr:rowOff>
    </xdr:from>
    <xdr:ext cx="736600" cy="259045"/>
    <xdr:sp macro="" textlink="">
      <xdr:nvSpPr>
        <xdr:cNvPr id="131" name="テキスト ボックス 130"/>
        <xdr:cNvSpPr txBox="1"/>
      </xdr:nvSpPr>
      <xdr:spPr>
        <a:xfrm>
          <a:off x="4622800" y="72040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35751</xdr:rowOff>
    </xdr:from>
    <xdr:to>
      <xdr:col>22</xdr:col>
      <xdr:colOff>165100</xdr:colOff>
      <xdr:row>37</xdr:row>
      <xdr:rowOff>65901</xdr:rowOff>
    </xdr:to>
    <xdr:sp macro="" textlink="">
      <xdr:nvSpPr>
        <xdr:cNvPr id="132" name="楕円 131"/>
        <xdr:cNvSpPr/>
      </xdr:nvSpPr>
      <xdr:spPr bwMode="auto">
        <a:xfrm>
          <a:off x="4254500" y="70890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50678</xdr:rowOff>
    </xdr:from>
    <xdr:ext cx="762000" cy="259045"/>
    <xdr:sp macro="" textlink="">
      <xdr:nvSpPr>
        <xdr:cNvPr id="133" name="テキスト ボックス 132"/>
        <xdr:cNvSpPr txBox="1"/>
      </xdr:nvSpPr>
      <xdr:spPr>
        <a:xfrm>
          <a:off x="3924300" y="7175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30988</xdr:rowOff>
    </xdr:from>
    <xdr:to>
      <xdr:col>19</xdr:col>
      <xdr:colOff>38100</xdr:colOff>
      <xdr:row>37</xdr:row>
      <xdr:rowOff>61138</xdr:rowOff>
    </xdr:to>
    <xdr:sp macro="" textlink="">
      <xdr:nvSpPr>
        <xdr:cNvPr id="134" name="楕円 133"/>
        <xdr:cNvSpPr/>
      </xdr:nvSpPr>
      <xdr:spPr bwMode="auto">
        <a:xfrm>
          <a:off x="3556000" y="70842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45915</xdr:rowOff>
    </xdr:from>
    <xdr:ext cx="762000" cy="259045"/>
    <xdr:sp macro="" textlink="">
      <xdr:nvSpPr>
        <xdr:cNvPr id="135" name="テキスト ボックス 134"/>
        <xdr:cNvSpPr txBox="1"/>
      </xdr:nvSpPr>
      <xdr:spPr>
        <a:xfrm>
          <a:off x="3225800" y="7170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42304</xdr:rowOff>
    </xdr:from>
    <xdr:to>
      <xdr:col>15</xdr:col>
      <xdr:colOff>101600</xdr:colOff>
      <xdr:row>37</xdr:row>
      <xdr:rowOff>72454</xdr:rowOff>
    </xdr:to>
    <xdr:sp macro="" textlink="">
      <xdr:nvSpPr>
        <xdr:cNvPr id="136" name="楕円 135"/>
        <xdr:cNvSpPr/>
      </xdr:nvSpPr>
      <xdr:spPr bwMode="auto">
        <a:xfrm>
          <a:off x="2857500" y="70955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57231</xdr:rowOff>
    </xdr:from>
    <xdr:ext cx="762000" cy="259045"/>
    <xdr:sp macro="" textlink="">
      <xdr:nvSpPr>
        <xdr:cNvPr id="137" name="テキスト ボックス 136"/>
        <xdr:cNvSpPr txBox="1"/>
      </xdr:nvSpPr>
      <xdr:spPr>
        <a:xfrm>
          <a:off x="2527300" y="71819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昭島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4,259
111,346
17.34
52,147,529
49,629,263
2,378,040
22,984,135
16,226,8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0937</xdr:rowOff>
    </xdr:from>
    <xdr:to>
      <xdr:col>24</xdr:col>
      <xdr:colOff>62865</xdr:colOff>
      <xdr:row>38</xdr:row>
      <xdr:rowOff>163292</xdr:rowOff>
    </xdr:to>
    <xdr:cxnSp macro="">
      <xdr:nvCxnSpPr>
        <xdr:cNvPr id="54" name="直線コネクタ 53"/>
        <xdr:cNvCxnSpPr/>
      </xdr:nvCxnSpPr>
      <xdr:spPr>
        <a:xfrm flipV="1">
          <a:off x="4633595" y="5304437"/>
          <a:ext cx="1270" cy="1373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7119</xdr:rowOff>
    </xdr:from>
    <xdr:ext cx="534377" cy="259045"/>
    <xdr:sp macro="" textlink="">
      <xdr:nvSpPr>
        <xdr:cNvPr id="55" name="人件費最小値テキスト"/>
        <xdr:cNvSpPr txBox="1"/>
      </xdr:nvSpPr>
      <xdr:spPr>
        <a:xfrm>
          <a:off x="4686300" y="6682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3292</xdr:rowOff>
    </xdr:from>
    <xdr:to>
      <xdr:col>24</xdr:col>
      <xdr:colOff>152400</xdr:colOff>
      <xdr:row>38</xdr:row>
      <xdr:rowOff>163292</xdr:rowOff>
    </xdr:to>
    <xdr:cxnSp macro="">
      <xdr:nvCxnSpPr>
        <xdr:cNvPr id="56" name="直線コネクタ 55"/>
        <xdr:cNvCxnSpPr/>
      </xdr:nvCxnSpPr>
      <xdr:spPr>
        <a:xfrm>
          <a:off x="4546600" y="6678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614</xdr:rowOff>
    </xdr:from>
    <xdr:ext cx="534377" cy="259045"/>
    <xdr:sp macro="" textlink="">
      <xdr:nvSpPr>
        <xdr:cNvPr id="57" name="人件費最大値テキスト"/>
        <xdr:cNvSpPr txBox="1"/>
      </xdr:nvSpPr>
      <xdr:spPr>
        <a:xfrm>
          <a:off x="4686300" y="507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60937</xdr:rowOff>
    </xdr:from>
    <xdr:to>
      <xdr:col>24</xdr:col>
      <xdr:colOff>152400</xdr:colOff>
      <xdr:row>30</xdr:row>
      <xdr:rowOff>160937</xdr:rowOff>
    </xdr:to>
    <xdr:cxnSp macro="">
      <xdr:nvCxnSpPr>
        <xdr:cNvPr id="58" name="直線コネクタ 57"/>
        <xdr:cNvCxnSpPr/>
      </xdr:nvCxnSpPr>
      <xdr:spPr>
        <a:xfrm>
          <a:off x="4546600" y="530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49403</xdr:rowOff>
    </xdr:from>
    <xdr:to>
      <xdr:col>24</xdr:col>
      <xdr:colOff>63500</xdr:colOff>
      <xdr:row>37</xdr:row>
      <xdr:rowOff>61747</xdr:rowOff>
    </xdr:to>
    <xdr:cxnSp macro="">
      <xdr:nvCxnSpPr>
        <xdr:cNvPr id="59" name="直線コネクタ 58"/>
        <xdr:cNvCxnSpPr/>
      </xdr:nvCxnSpPr>
      <xdr:spPr>
        <a:xfrm>
          <a:off x="3797300" y="6393053"/>
          <a:ext cx="838200" cy="12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4657</xdr:rowOff>
    </xdr:from>
    <xdr:ext cx="534377" cy="259045"/>
    <xdr:sp macro="" textlink="">
      <xdr:nvSpPr>
        <xdr:cNvPr id="60" name="人件費平均値テキスト"/>
        <xdr:cNvSpPr txBox="1"/>
      </xdr:nvSpPr>
      <xdr:spPr>
        <a:xfrm>
          <a:off x="4686300" y="5943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1780</xdr:rowOff>
    </xdr:from>
    <xdr:to>
      <xdr:col>24</xdr:col>
      <xdr:colOff>114300</xdr:colOff>
      <xdr:row>36</xdr:row>
      <xdr:rowOff>21930</xdr:rowOff>
    </xdr:to>
    <xdr:sp macro="" textlink="">
      <xdr:nvSpPr>
        <xdr:cNvPr id="61" name="フローチャート: 判断 60"/>
        <xdr:cNvSpPr/>
      </xdr:nvSpPr>
      <xdr:spPr>
        <a:xfrm>
          <a:off x="4584700" y="6092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4666</xdr:rowOff>
    </xdr:from>
    <xdr:to>
      <xdr:col>19</xdr:col>
      <xdr:colOff>177800</xdr:colOff>
      <xdr:row>37</xdr:row>
      <xdr:rowOff>49403</xdr:rowOff>
    </xdr:to>
    <xdr:cxnSp macro="">
      <xdr:nvCxnSpPr>
        <xdr:cNvPr id="62" name="直線コネクタ 61"/>
        <xdr:cNvCxnSpPr/>
      </xdr:nvCxnSpPr>
      <xdr:spPr>
        <a:xfrm>
          <a:off x="2908300" y="6348316"/>
          <a:ext cx="889000" cy="44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9850</xdr:rowOff>
    </xdr:from>
    <xdr:to>
      <xdr:col>20</xdr:col>
      <xdr:colOff>38100</xdr:colOff>
      <xdr:row>36</xdr:row>
      <xdr:rowOff>30000</xdr:rowOff>
    </xdr:to>
    <xdr:sp macro="" textlink="">
      <xdr:nvSpPr>
        <xdr:cNvPr id="63" name="フローチャート: 判断 62"/>
        <xdr:cNvSpPr/>
      </xdr:nvSpPr>
      <xdr:spPr>
        <a:xfrm>
          <a:off x="37465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46527</xdr:rowOff>
    </xdr:from>
    <xdr:ext cx="534377" cy="259045"/>
    <xdr:sp macro="" textlink="">
      <xdr:nvSpPr>
        <xdr:cNvPr id="64" name="テキスト ボックス 63"/>
        <xdr:cNvSpPr txBox="1"/>
      </xdr:nvSpPr>
      <xdr:spPr>
        <a:xfrm>
          <a:off x="3530111" y="5875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4666</xdr:rowOff>
    </xdr:from>
    <xdr:to>
      <xdr:col>15</xdr:col>
      <xdr:colOff>50800</xdr:colOff>
      <xdr:row>37</xdr:row>
      <xdr:rowOff>157554</xdr:rowOff>
    </xdr:to>
    <xdr:cxnSp macro="">
      <xdr:nvCxnSpPr>
        <xdr:cNvPr id="65" name="直線コネクタ 64"/>
        <xdr:cNvCxnSpPr/>
      </xdr:nvCxnSpPr>
      <xdr:spPr>
        <a:xfrm flipV="1">
          <a:off x="2019300" y="6348316"/>
          <a:ext cx="889000" cy="152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6698</xdr:rowOff>
    </xdr:from>
    <xdr:to>
      <xdr:col>15</xdr:col>
      <xdr:colOff>101600</xdr:colOff>
      <xdr:row>36</xdr:row>
      <xdr:rowOff>46848</xdr:rowOff>
    </xdr:to>
    <xdr:sp macro="" textlink="">
      <xdr:nvSpPr>
        <xdr:cNvPr id="66" name="フローチャート: 判断 65"/>
        <xdr:cNvSpPr/>
      </xdr:nvSpPr>
      <xdr:spPr>
        <a:xfrm>
          <a:off x="2857500" y="611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63375</xdr:rowOff>
    </xdr:from>
    <xdr:ext cx="534377" cy="259045"/>
    <xdr:sp macro="" textlink="">
      <xdr:nvSpPr>
        <xdr:cNvPr id="67" name="テキスト ボックス 66"/>
        <xdr:cNvSpPr txBox="1"/>
      </xdr:nvSpPr>
      <xdr:spPr>
        <a:xfrm>
          <a:off x="2641111" y="5892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25733</xdr:rowOff>
    </xdr:from>
    <xdr:to>
      <xdr:col>10</xdr:col>
      <xdr:colOff>114300</xdr:colOff>
      <xdr:row>37</xdr:row>
      <xdr:rowOff>157554</xdr:rowOff>
    </xdr:to>
    <xdr:cxnSp macro="">
      <xdr:nvCxnSpPr>
        <xdr:cNvPr id="68" name="直線コネクタ 67"/>
        <xdr:cNvCxnSpPr/>
      </xdr:nvCxnSpPr>
      <xdr:spPr>
        <a:xfrm>
          <a:off x="1130300" y="6469383"/>
          <a:ext cx="889000" cy="31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6198</xdr:rowOff>
    </xdr:from>
    <xdr:to>
      <xdr:col>10</xdr:col>
      <xdr:colOff>165100</xdr:colOff>
      <xdr:row>36</xdr:row>
      <xdr:rowOff>147798</xdr:rowOff>
    </xdr:to>
    <xdr:sp macro="" textlink="">
      <xdr:nvSpPr>
        <xdr:cNvPr id="69" name="フローチャート: 判断 68"/>
        <xdr:cNvSpPr/>
      </xdr:nvSpPr>
      <xdr:spPr>
        <a:xfrm>
          <a:off x="1968500" y="621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64325</xdr:rowOff>
    </xdr:from>
    <xdr:ext cx="534377" cy="259045"/>
    <xdr:sp macro="" textlink="">
      <xdr:nvSpPr>
        <xdr:cNvPr id="70" name="テキスト ボックス 69"/>
        <xdr:cNvSpPr txBox="1"/>
      </xdr:nvSpPr>
      <xdr:spPr>
        <a:xfrm>
          <a:off x="1752111" y="5993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147</xdr:rowOff>
    </xdr:from>
    <xdr:to>
      <xdr:col>6</xdr:col>
      <xdr:colOff>38100</xdr:colOff>
      <xdr:row>36</xdr:row>
      <xdr:rowOff>150747</xdr:rowOff>
    </xdr:to>
    <xdr:sp macro="" textlink="">
      <xdr:nvSpPr>
        <xdr:cNvPr id="71" name="フローチャート: 判断 70"/>
        <xdr:cNvSpPr/>
      </xdr:nvSpPr>
      <xdr:spPr>
        <a:xfrm>
          <a:off x="1079500" y="622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67274</xdr:rowOff>
    </xdr:from>
    <xdr:ext cx="534377" cy="259045"/>
    <xdr:sp macro="" textlink="">
      <xdr:nvSpPr>
        <xdr:cNvPr id="72" name="テキスト ボックス 71"/>
        <xdr:cNvSpPr txBox="1"/>
      </xdr:nvSpPr>
      <xdr:spPr>
        <a:xfrm>
          <a:off x="863111" y="599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947</xdr:rowOff>
    </xdr:from>
    <xdr:to>
      <xdr:col>24</xdr:col>
      <xdr:colOff>114300</xdr:colOff>
      <xdr:row>37</xdr:row>
      <xdr:rowOff>112547</xdr:rowOff>
    </xdr:to>
    <xdr:sp macro="" textlink="">
      <xdr:nvSpPr>
        <xdr:cNvPr id="78" name="楕円 77"/>
        <xdr:cNvSpPr/>
      </xdr:nvSpPr>
      <xdr:spPr>
        <a:xfrm>
          <a:off x="4584700" y="6354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60824</xdr:rowOff>
    </xdr:from>
    <xdr:ext cx="534377" cy="259045"/>
    <xdr:sp macro="" textlink="">
      <xdr:nvSpPr>
        <xdr:cNvPr id="79" name="人件費該当値テキスト"/>
        <xdr:cNvSpPr txBox="1"/>
      </xdr:nvSpPr>
      <xdr:spPr>
        <a:xfrm>
          <a:off x="4686300" y="6333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70053</xdr:rowOff>
    </xdr:from>
    <xdr:to>
      <xdr:col>20</xdr:col>
      <xdr:colOff>38100</xdr:colOff>
      <xdr:row>37</xdr:row>
      <xdr:rowOff>100203</xdr:rowOff>
    </xdr:to>
    <xdr:sp macro="" textlink="">
      <xdr:nvSpPr>
        <xdr:cNvPr id="80" name="楕円 79"/>
        <xdr:cNvSpPr/>
      </xdr:nvSpPr>
      <xdr:spPr>
        <a:xfrm>
          <a:off x="3746500" y="6342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91330</xdr:rowOff>
    </xdr:from>
    <xdr:ext cx="534377" cy="259045"/>
    <xdr:sp macro="" textlink="">
      <xdr:nvSpPr>
        <xdr:cNvPr id="81" name="テキスト ボックス 80"/>
        <xdr:cNvSpPr txBox="1"/>
      </xdr:nvSpPr>
      <xdr:spPr>
        <a:xfrm>
          <a:off x="3530111" y="6434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5316</xdr:rowOff>
    </xdr:from>
    <xdr:to>
      <xdr:col>15</xdr:col>
      <xdr:colOff>101600</xdr:colOff>
      <xdr:row>37</xdr:row>
      <xdr:rowOff>55466</xdr:rowOff>
    </xdr:to>
    <xdr:sp macro="" textlink="">
      <xdr:nvSpPr>
        <xdr:cNvPr id="82" name="楕円 81"/>
        <xdr:cNvSpPr/>
      </xdr:nvSpPr>
      <xdr:spPr>
        <a:xfrm>
          <a:off x="2857500" y="6297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46593</xdr:rowOff>
    </xdr:from>
    <xdr:ext cx="534377" cy="259045"/>
    <xdr:sp macro="" textlink="">
      <xdr:nvSpPr>
        <xdr:cNvPr id="83" name="テキスト ボックス 82"/>
        <xdr:cNvSpPr txBox="1"/>
      </xdr:nvSpPr>
      <xdr:spPr>
        <a:xfrm>
          <a:off x="2641111" y="6390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6754</xdr:rowOff>
    </xdr:from>
    <xdr:to>
      <xdr:col>10</xdr:col>
      <xdr:colOff>165100</xdr:colOff>
      <xdr:row>38</xdr:row>
      <xdr:rowOff>36903</xdr:rowOff>
    </xdr:to>
    <xdr:sp macro="" textlink="">
      <xdr:nvSpPr>
        <xdr:cNvPr id="84" name="楕円 83"/>
        <xdr:cNvSpPr/>
      </xdr:nvSpPr>
      <xdr:spPr>
        <a:xfrm>
          <a:off x="1968500" y="645040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28031</xdr:rowOff>
    </xdr:from>
    <xdr:ext cx="534377" cy="259045"/>
    <xdr:sp macro="" textlink="">
      <xdr:nvSpPr>
        <xdr:cNvPr id="85" name="テキスト ボックス 84"/>
        <xdr:cNvSpPr txBox="1"/>
      </xdr:nvSpPr>
      <xdr:spPr>
        <a:xfrm>
          <a:off x="1752111" y="654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4933</xdr:rowOff>
    </xdr:from>
    <xdr:to>
      <xdr:col>6</xdr:col>
      <xdr:colOff>38100</xdr:colOff>
      <xdr:row>38</xdr:row>
      <xdr:rowOff>5083</xdr:rowOff>
    </xdr:to>
    <xdr:sp macro="" textlink="">
      <xdr:nvSpPr>
        <xdr:cNvPr id="86" name="楕円 85"/>
        <xdr:cNvSpPr/>
      </xdr:nvSpPr>
      <xdr:spPr>
        <a:xfrm>
          <a:off x="1079500" y="6418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67660</xdr:rowOff>
    </xdr:from>
    <xdr:ext cx="534377" cy="259045"/>
    <xdr:sp macro="" textlink="">
      <xdr:nvSpPr>
        <xdr:cNvPr id="87" name="テキスト ボックス 86"/>
        <xdr:cNvSpPr txBox="1"/>
      </xdr:nvSpPr>
      <xdr:spPr>
        <a:xfrm>
          <a:off x="863111" y="6511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9446</xdr:rowOff>
    </xdr:from>
    <xdr:to>
      <xdr:col>24</xdr:col>
      <xdr:colOff>62865</xdr:colOff>
      <xdr:row>59</xdr:row>
      <xdr:rowOff>22102</xdr:rowOff>
    </xdr:to>
    <xdr:cxnSp macro="">
      <xdr:nvCxnSpPr>
        <xdr:cNvPr id="114" name="直線コネクタ 113"/>
        <xdr:cNvCxnSpPr/>
      </xdr:nvCxnSpPr>
      <xdr:spPr>
        <a:xfrm flipV="1">
          <a:off x="4633595" y="8701946"/>
          <a:ext cx="1270" cy="143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5929</xdr:rowOff>
    </xdr:from>
    <xdr:ext cx="534377" cy="259045"/>
    <xdr:sp macro="" textlink="">
      <xdr:nvSpPr>
        <xdr:cNvPr id="115" name="物件費最小値テキスト"/>
        <xdr:cNvSpPr txBox="1"/>
      </xdr:nvSpPr>
      <xdr:spPr>
        <a:xfrm>
          <a:off x="4686300" y="1014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2102</xdr:rowOff>
    </xdr:from>
    <xdr:to>
      <xdr:col>24</xdr:col>
      <xdr:colOff>152400</xdr:colOff>
      <xdr:row>59</xdr:row>
      <xdr:rowOff>22102</xdr:rowOff>
    </xdr:to>
    <xdr:cxnSp macro="">
      <xdr:nvCxnSpPr>
        <xdr:cNvPr id="116" name="直線コネクタ 115"/>
        <xdr:cNvCxnSpPr/>
      </xdr:nvCxnSpPr>
      <xdr:spPr>
        <a:xfrm>
          <a:off x="4546600" y="10137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6123</xdr:rowOff>
    </xdr:from>
    <xdr:ext cx="599010" cy="259045"/>
    <xdr:sp macro="" textlink="">
      <xdr:nvSpPr>
        <xdr:cNvPr id="117" name="物件費最大値テキスト"/>
        <xdr:cNvSpPr txBox="1"/>
      </xdr:nvSpPr>
      <xdr:spPr>
        <a:xfrm>
          <a:off x="4686300" y="8477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29446</xdr:rowOff>
    </xdr:from>
    <xdr:to>
      <xdr:col>24</xdr:col>
      <xdr:colOff>152400</xdr:colOff>
      <xdr:row>50</xdr:row>
      <xdr:rowOff>129446</xdr:rowOff>
    </xdr:to>
    <xdr:cxnSp macro="">
      <xdr:nvCxnSpPr>
        <xdr:cNvPr id="118" name="直線コネクタ 117"/>
        <xdr:cNvCxnSpPr/>
      </xdr:nvCxnSpPr>
      <xdr:spPr>
        <a:xfrm>
          <a:off x="4546600" y="870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41990</xdr:rowOff>
    </xdr:from>
    <xdr:to>
      <xdr:col>24</xdr:col>
      <xdr:colOff>63500</xdr:colOff>
      <xdr:row>56</xdr:row>
      <xdr:rowOff>55477</xdr:rowOff>
    </xdr:to>
    <xdr:cxnSp macro="">
      <xdr:nvCxnSpPr>
        <xdr:cNvPr id="119" name="直線コネクタ 118"/>
        <xdr:cNvCxnSpPr/>
      </xdr:nvCxnSpPr>
      <xdr:spPr>
        <a:xfrm flipV="1">
          <a:off x="3797300" y="9643190"/>
          <a:ext cx="838200" cy="13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4838</xdr:rowOff>
    </xdr:from>
    <xdr:ext cx="534377" cy="259045"/>
    <xdr:sp macro="" textlink="">
      <xdr:nvSpPr>
        <xdr:cNvPr id="120" name="物件費平均値テキスト"/>
        <xdr:cNvSpPr txBox="1"/>
      </xdr:nvSpPr>
      <xdr:spPr>
        <a:xfrm>
          <a:off x="4686300" y="9676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6411</xdr:rowOff>
    </xdr:from>
    <xdr:to>
      <xdr:col>24</xdr:col>
      <xdr:colOff>114300</xdr:colOff>
      <xdr:row>57</xdr:row>
      <xdr:rowOff>26561</xdr:rowOff>
    </xdr:to>
    <xdr:sp macro="" textlink="">
      <xdr:nvSpPr>
        <xdr:cNvPr id="121" name="フローチャート: 判断 120"/>
        <xdr:cNvSpPr/>
      </xdr:nvSpPr>
      <xdr:spPr>
        <a:xfrm>
          <a:off x="4584700" y="96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55477</xdr:rowOff>
    </xdr:from>
    <xdr:to>
      <xdr:col>19</xdr:col>
      <xdr:colOff>177800</xdr:colOff>
      <xdr:row>57</xdr:row>
      <xdr:rowOff>94764</xdr:rowOff>
    </xdr:to>
    <xdr:cxnSp macro="">
      <xdr:nvCxnSpPr>
        <xdr:cNvPr id="122" name="直線コネクタ 121"/>
        <xdr:cNvCxnSpPr/>
      </xdr:nvCxnSpPr>
      <xdr:spPr>
        <a:xfrm flipV="1">
          <a:off x="2908300" y="9656677"/>
          <a:ext cx="889000" cy="210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2966</xdr:rowOff>
    </xdr:from>
    <xdr:to>
      <xdr:col>20</xdr:col>
      <xdr:colOff>38100</xdr:colOff>
      <xdr:row>57</xdr:row>
      <xdr:rowOff>93116</xdr:rowOff>
    </xdr:to>
    <xdr:sp macro="" textlink="">
      <xdr:nvSpPr>
        <xdr:cNvPr id="123" name="フローチャート: 判断 122"/>
        <xdr:cNvSpPr/>
      </xdr:nvSpPr>
      <xdr:spPr>
        <a:xfrm>
          <a:off x="3746500" y="9764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4243</xdr:rowOff>
    </xdr:from>
    <xdr:ext cx="534377" cy="259045"/>
    <xdr:sp macro="" textlink="">
      <xdr:nvSpPr>
        <xdr:cNvPr id="124" name="テキスト ボックス 123"/>
        <xdr:cNvSpPr txBox="1"/>
      </xdr:nvSpPr>
      <xdr:spPr>
        <a:xfrm>
          <a:off x="3530111" y="9856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4764</xdr:rowOff>
    </xdr:from>
    <xdr:to>
      <xdr:col>15</xdr:col>
      <xdr:colOff>50800</xdr:colOff>
      <xdr:row>57</xdr:row>
      <xdr:rowOff>120138</xdr:rowOff>
    </xdr:to>
    <xdr:cxnSp macro="">
      <xdr:nvCxnSpPr>
        <xdr:cNvPr id="125" name="直線コネクタ 124"/>
        <xdr:cNvCxnSpPr/>
      </xdr:nvCxnSpPr>
      <xdr:spPr>
        <a:xfrm flipV="1">
          <a:off x="2019300" y="9867414"/>
          <a:ext cx="889000" cy="25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7521</xdr:rowOff>
    </xdr:from>
    <xdr:to>
      <xdr:col>15</xdr:col>
      <xdr:colOff>101600</xdr:colOff>
      <xdr:row>58</xdr:row>
      <xdr:rowOff>27671</xdr:rowOff>
    </xdr:to>
    <xdr:sp macro="" textlink="">
      <xdr:nvSpPr>
        <xdr:cNvPr id="126" name="フローチャート: 判断 125"/>
        <xdr:cNvSpPr/>
      </xdr:nvSpPr>
      <xdr:spPr>
        <a:xfrm>
          <a:off x="2857500" y="987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8798</xdr:rowOff>
    </xdr:from>
    <xdr:ext cx="534377" cy="259045"/>
    <xdr:sp macro="" textlink="">
      <xdr:nvSpPr>
        <xdr:cNvPr id="127" name="テキスト ボックス 126"/>
        <xdr:cNvSpPr txBox="1"/>
      </xdr:nvSpPr>
      <xdr:spPr>
        <a:xfrm>
          <a:off x="2641111" y="996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20138</xdr:rowOff>
    </xdr:from>
    <xdr:to>
      <xdr:col>10</xdr:col>
      <xdr:colOff>114300</xdr:colOff>
      <xdr:row>58</xdr:row>
      <xdr:rowOff>22003</xdr:rowOff>
    </xdr:to>
    <xdr:cxnSp macro="">
      <xdr:nvCxnSpPr>
        <xdr:cNvPr id="128" name="直線コネクタ 127"/>
        <xdr:cNvCxnSpPr/>
      </xdr:nvCxnSpPr>
      <xdr:spPr>
        <a:xfrm flipV="1">
          <a:off x="1130300" y="9892788"/>
          <a:ext cx="889000" cy="73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2994</xdr:rowOff>
    </xdr:from>
    <xdr:to>
      <xdr:col>10</xdr:col>
      <xdr:colOff>165100</xdr:colOff>
      <xdr:row>58</xdr:row>
      <xdr:rowOff>53144</xdr:rowOff>
    </xdr:to>
    <xdr:sp macro="" textlink="">
      <xdr:nvSpPr>
        <xdr:cNvPr id="129" name="フローチャート: 判断 128"/>
        <xdr:cNvSpPr/>
      </xdr:nvSpPr>
      <xdr:spPr>
        <a:xfrm>
          <a:off x="1968500" y="989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4271</xdr:rowOff>
    </xdr:from>
    <xdr:ext cx="534377" cy="259045"/>
    <xdr:sp macro="" textlink="">
      <xdr:nvSpPr>
        <xdr:cNvPr id="130" name="テキスト ボックス 129"/>
        <xdr:cNvSpPr txBox="1"/>
      </xdr:nvSpPr>
      <xdr:spPr>
        <a:xfrm>
          <a:off x="1752111" y="998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4795</xdr:rowOff>
    </xdr:from>
    <xdr:to>
      <xdr:col>6</xdr:col>
      <xdr:colOff>38100</xdr:colOff>
      <xdr:row>58</xdr:row>
      <xdr:rowOff>94945</xdr:rowOff>
    </xdr:to>
    <xdr:sp macro="" textlink="">
      <xdr:nvSpPr>
        <xdr:cNvPr id="131" name="フローチャート: 判断 130"/>
        <xdr:cNvSpPr/>
      </xdr:nvSpPr>
      <xdr:spPr>
        <a:xfrm>
          <a:off x="1079500" y="9937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6072</xdr:rowOff>
    </xdr:from>
    <xdr:ext cx="534377" cy="259045"/>
    <xdr:sp macro="" textlink="">
      <xdr:nvSpPr>
        <xdr:cNvPr id="132" name="テキスト ボックス 131"/>
        <xdr:cNvSpPr txBox="1"/>
      </xdr:nvSpPr>
      <xdr:spPr>
        <a:xfrm>
          <a:off x="863111" y="10030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62640</xdr:rowOff>
    </xdr:from>
    <xdr:to>
      <xdr:col>24</xdr:col>
      <xdr:colOff>114300</xdr:colOff>
      <xdr:row>56</xdr:row>
      <xdr:rowOff>92790</xdr:rowOff>
    </xdr:to>
    <xdr:sp macro="" textlink="">
      <xdr:nvSpPr>
        <xdr:cNvPr id="138" name="楕円 137"/>
        <xdr:cNvSpPr/>
      </xdr:nvSpPr>
      <xdr:spPr>
        <a:xfrm>
          <a:off x="4584700" y="9592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4067</xdr:rowOff>
    </xdr:from>
    <xdr:ext cx="534377" cy="259045"/>
    <xdr:sp macro="" textlink="">
      <xdr:nvSpPr>
        <xdr:cNvPr id="139" name="物件費該当値テキスト"/>
        <xdr:cNvSpPr txBox="1"/>
      </xdr:nvSpPr>
      <xdr:spPr>
        <a:xfrm>
          <a:off x="4686300" y="9443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4677</xdr:rowOff>
    </xdr:from>
    <xdr:to>
      <xdr:col>20</xdr:col>
      <xdr:colOff>38100</xdr:colOff>
      <xdr:row>56</xdr:row>
      <xdr:rowOff>106277</xdr:rowOff>
    </xdr:to>
    <xdr:sp macro="" textlink="">
      <xdr:nvSpPr>
        <xdr:cNvPr id="140" name="楕円 139"/>
        <xdr:cNvSpPr/>
      </xdr:nvSpPr>
      <xdr:spPr>
        <a:xfrm>
          <a:off x="3746500" y="9605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22804</xdr:rowOff>
    </xdr:from>
    <xdr:ext cx="534377" cy="259045"/>
    <xdr:sp macro="" textlink="">
      <xdr:nvSpPr>
        <xdr:cNvPr id="141" name="テキスト ボックス 140"/>
        <xdr:cNvSpPr txBox="1"/>
      </xdr:nvSpPr>
      <xdr:spPr>
        <a:xfrm>
          <a:off x="3530111" y="9381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43964</xdr:rowOff>
    </xdr:from>
    <xdr:to>
      <xdr:col>15</xdr:col>
      <xdr:colOff>101600</xdr:colOff>
      <xdr:row>57</xdr:row>
      <xdr:rowOff>145564</xdr:rowOff>
    </xdr:to>
    <xdr:sp macro="" textlink="">
      <xdr:nvSpPr>
        <xdr:cNvPr id="142" name="楕円 141"/>
        <xdr:cNvSpPr/>
      </xdr:nvSpPr>
      <xdr:spPr>
        <a:xfrm>
          <a:off x="2857500" y="9816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2091</xdr:rowOff>
    </xdr:from>
    <xdr:ext cx="534377" cy="259045"/>
    <xdr:sp macro="" textlink="">
      <xdr:nvSpPr>
        <xdr:cNvPr id="143" name="テキスト ボックス 142"/>
        <xdr:cNvSpPr txBox="1"/>
      </xdr:nvSpPr>
      <xdr:spPr>
        <a:xfrm>
          <a:off x="2641111" y="9591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9338</xdr:rowOff>
    </xdr:from>
    <xdr:to>
      <xdr:col>10</xdr:col>
      <xdr:colOff>165100</xdr:colOff>
      <xdr:row>57</xdr:row>
      <xdr:rowOff>170938</xdr:rowOff>
    </xdr:to>
    <xdr:sp macro="" textlink="">
      <xdr:nvSpPr>
        <xdr:cNvPr id="144" name="楕円 143"/>
        <xdr:cNvSpPr/>
      </xdr:nvSpPr>
      <xdr:spPr>
        <a:xfrm>
          <a:off x="1968500" y="9841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015</xdr:rowOff>
    </xdr:from>
    <xdr:ext cx="534377" cy="259045"/>
    <xdr:sp macro="" textlink="">
      <xdr:nvSpPr>
        <xdr:cNvPr id="145" name="テキスト ボックス 144"/>
        <xdr:cNvSpPr txBox="1"/>
      </xdr:nvSpPr>
      <xdr:spPr>
        <a:xfrm>
          <a:off x="1752111" y="9617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2653</xdr:rowOff>
    </xdr:from>
    <xdr:to>
      <xdr:col>6</xdr:col>
      <xdr:colOff>38100</xdr:colOff>
      <xdr:row>58</xdr:row>
      <xdr:rowOff>72803</xdr:rowOff>
    </xdr:to>
    <xdr:sp macro="" textlink="">
      <xdr:nvSpPr>
        <xdr:cNvPr id="146" name="楕円 145"/>
        <xdr:cNvSpPr/>
      </xdr:nvSpPr>
      <xdr:spPr>
        <a:xfrm>
          <a:off x="1079500" y="9915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89330</xdr:rowOff>
    </xdr:from>
    <xdr:ext cx="534377" cy="259045"/>
    <xdr:sp macro="" textlink="">
      <xdr:nvSpPr>
        <xdr:cNvPr id="147" name="テキスト ボックス 146"/>
        <xdr:cNvSpPr txBox="1"/>
      </xdr:nvSpPr>
      <xdr:spPr>
        <a:xfrm>
          <a:off x="863111" y="9690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4313</xdr:rowOff>
    </xdr:from>
    <xdr:to>
      <xdr:col>24</xdr:col>
      <xdr:colOff>62865</xdr:colOff>
      <xdr:row>78</xdr:row>
      <xdr:rowOff>96814</xdr:rowOff>
    </xdr:to>
    <xdr:cxnSp macro="">
      <xdr:nvCxnSpPr>
        <xdr:cNvPr id="169" name="直線コネクタ 168"/>
        <xdr:cNvCxnSpPr/>
      </xdr:nvCxnSpPr>
      <xdr:spPr>
        <a:xfrm flipV="1">
          <a:off x="4633595" y="12448713"/>
          <a:ext cx="1270" cy="10212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0641</xdr:rowOff>
    </xdr:from>
    <xdr:ext cx="378565" cy="259045"/>
    <xdr:sp macro="" textlink="">
      <xdr:nvSpPr>
        <xdr:cNvPr id="170" name="維持補修費最小値テキスト"/>
        <xdr:cNvSpPr txBox="1"/>
      </xdr:nvSpPr>
      <xdr:spPr>
        <a:xfrm>
          <a:off x="4686300" y="13473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6814</xdr:rowOff>
    </xdr:from>
    <xdr:to>
      <xdr:col>24</xdr:col>
      <xdr:colOff>152400</xdr:colOff>
      <xdr:row>78</xdr:row>
      <xdr:rowOff>96814</xdr:rowOff>
    </xdr:to>
    <xdr:cxnSp macro="">
      <xdr:nvCxnSpPr>
        <xdr:cNvPr id="171" name="直線コネクタ 170"/>
        <xdr:cNvCxnSpPr/>
      </xdr:nvCxnSpPr>
      <xdr:spPr>
        <a:xfrm>
          <a:off x="4546600" y="13469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0990</xdr:rowOff>
    </xdr:from>
    <xdr:ext cx="534377" cy="259045"/>
    <xdr:sp macro="" textlink="">
      <xdr:nvSpPr>
        <xdr:cNvPr id="172" name="維持補修費最大値テキスト"/>
        <xdr:cNvSpPr txBox="1"/>
      </xdr:nvSpPr>
      <xdr:spPr>
        <a:xfrm>
          <a:off x="4686300" y="12223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04313</xdr:rowOff>
    </xdr:from>
    <xdr:to>
      <xdr:col>24</xdr:col>
      <xdr:colOff>152400</xdr:colOff>
      <xdr:row>72</xdr:row>
      <xdr:rowOff>104313</xdr:rowOff>
    </xdr:to>
    <xdr:cxnSp macro="">
      <xdr:nvCxnSpPr>
        <xdr:cNvPr id="173" name="直線コネクタ 172"/>
        <xdr:cNvCxnSpPr/>
      </xdr:nvCxnSpPr>
      <xdr:spPr>
        <a:xfrm>
          <a:off x="4546600" y="12448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25628</xdr:rowOff>
    </xdr:from>
    <xdr:to>
      <xdr:col>24</xdr:col>
      <xdr:colOff>63500</xdr:colOff>
      <xdr:row>78</xdr:row>
      <xdr:rowOff>37105</xdr:rowOff>
    </xdr:to>
    <xdr:cxnSp macro="">
      <xdr:nvCxnSpPr>
        <xdr:cNvPr id="174" name="直線コネクタ 173"/>
        <xdr:cNvCxnSpPr/>
      </xdr:nvCxnSpPr>
      <xdr:spPr>
        <a:xfrm>
          <a:off x="3797300" y="13398728"/>
          <a:ext cx="838200" cy="11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2359</xdr:rowOff>
    </xdr:from>
    <xdr:ext cx="469744" cy="259045"/>
    <xdr:sp macro="" textlink="">
      <xdr:nvSpPr>
        <xdr:cNvPr id="175" name="維持補修費平均値テキスト"/>
        <xdr:cNvSpPr txBox="1"/>
      </xdr:nvSpPr>
      <xdr:spPr>
        <a:xfrm>
          <a:off x="4686300" y="131325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9482</xdr:rowOff>
    </xdr:from>
    <xdr:to>
      <xdr:col>24</xdr:col>
      <xdr:colOff>114300</xdr:colOff>
      <xdr:row>78</xdr:row>
      <xdr:rowOff>9632</xdr:rowOff>
    </xdr:to>
    <xdr:sp macro="" textlink="">
      <xdr:nvSpPr>
        <xdr:cNvPr id="176" name="フローチャート: 判断 175"/>
        <xdr:cNvSpPr/>
      </xdr:nvSpPr>
      <xdr:spPr>
        <a:xfrm>
          <a:off x="4584700" y="1328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4715</xdr:rowOff>
    </xdr:from>
    <xdr:to>
      <xdr:col>19</xdr:col>
      <xdr:colOff>177800</xdr:colOff>
      <xdr:row>78</xdr:row>
      <xdr:rowOff>25628</xdr:rowOff>
    </xdr:to>
    <xdr:cxnSp macro="">
      <xdr:nvCxnSpPr>
        <xdr:cNvPr id="177" name="直線コネクタ 176"/>
        <xdr:cNvCxnSpPr/>
      </xdr:nvCxnSpPr>
      <xdr:spPr>
        <a:xfrm>
          <a:off x="2908300" y="13397815"/>
          <a:ext cx="889000" cy="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82545</xdr:rowOff>
    </xdr:from>
    <xdr:to>
      <xdr:col>20</xdr:col>
      <xdr:colOff>38100</xdr:colOff>
      <xdr:row>78</xdr:row>
      <xdr:rowOff>12695</xdr:rowOff>
    </xdr:to>
    <xdr:sp macro="" textlink="">
      <xdr:nvSpPr>
        <xdr:cNvPr id="178" name="フローチャート: 判断 177"/>
        <xdr:cNvSpPr/>
      </xdr:nvSpPr>
      <xdr:spPr>
        <a:xfrm>
          <a:off x="3746500" y="1328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9222</xdr:rowOff>
    </xdr:from>
    <xdr:ext cx="469744" cy="259045"/>
    <xdr:sp macro="" textlink="">
      <xdr:nvSpPr>
        <xdr:cNvPr id="179" name="テキスト ボックス 178"/>
        <xdr:cNvSpPr txBox="1"/>
      </xdr:nvSpPr>
      <xdr:spPr>
        <a:xfrm>
          <a:off x="3562428" y="13059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4715</xdr:rowOff>
    </xdr:from>
    <xdr:to>
      <xdr:col>15</xdr:col>
      <xdr:colOff>50800</xdr:colOff>
      <xdr:row>78</xdr:row>
      <xdr:rowOff>35641</xdr:rowOff>
    </xdr:to>
    <xdr:cxnSp macro="">
      <xdr:nvCxnSpPr>
        <xdr:cNvPr id="180" name="直線コネクタ 179"/>
        <xdr:cNvCxnSpPr/>
      </xdr:nvCxnSpPr>
      <xdr:spPr>
        <a:xfrm flipV="1">
          <a:off x="2019300" y="13397815"/>
          <a:ext cx="889000" cy="10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6673</xdr:rowOff>
    </xdr:from>
    <xdr:to>
      <xdr:col>15</xdr:col>
      <xdr:colOff>101600</xdr:colOff>
      <xdr:row>78</xdr:row>
      <xdr:rowOff>26823</xdr:rowOff>
    </xdr:to>
    <xdr:sp macro="" textlink="">
      <xdr:nvSpPr>
        <xdr:cNvPr id="181" name="フローチャート: 判断 180"/>
        <xdr:cNvSpPr/>
      </xdr:nvSpPr>
      <xdr:spPr>
        <a:xfrm>
          <a:off x="2857500" y="1329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3350</xdr:rowOff>
    </xdr:from>
    <xdr:ext cx="469744" cy="259045"/>
    <xdr:sp macro="" textlink="">
      <xdr:nvSpPr>
        <xdr:cNvPr id="182" name="テキスト ボックス 181"/>
        <xdr:cNvSpPr txBox="1"/>
      </xdr:nvSpPr>
      <xdr:spPr>
        <a:xfrm>
          <a:off x="2673428" y="13073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35641</xdr:rowOff>
    </xdr:from>
    <xdr:to>
      <xdr:col>10</xdr:col>
      <xdr:colOff>114300</xdr:colOff>
      <xdr:row>78</xdr:row>
      <xdr:rowOff>44831</xdr:rowOff>
    </xdr:to>
    <xdr:cxnSp macro="">
      <xdr:nvCxnSpPr>
        <xdr:cNvPr id="183" name="直線コネクタ 182"/>
        <xdr:cNvCxnSpPr/>
      </xdr:nvCxnSpPr>
      <xdr:spPr>
        <a:xfrm flipV="1">
          <a:off x="1130300" y="13408741"/>
          <a:ext cx="889000" cy="9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5953</xdr:rowOff>
    </xdr:from>
    <xdr:to>
      <xdr:col>10</xdr:col>
      <xdr:colOff>165100</xdr:colOff>
      <xdr:row>78</xdr:row>
      <xdr:rowOff>36103</xdr:rowOff>
    </xdr:to>
    <xdr:sp macro="" textlink="">
      <xdr:nvSpPr>
        <xdr:cNvPr id="184" name="フローチャート: 判断 183"/>
        <xdr:cNvSpPr/>
      </xdr:nvSpPr>
      <xdr:spPr>
        <a:xfrm>
          <a:off x="1968500" y="133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2630</xdr:rowOff>
    </xdr:from>
    <xdr:ext cx="469744" cy="259045"/>
    <xdr:sp macro="" textlink="">
      <xdr:nvSpPr>
        <xdr:cNvPr id="185" name="テキスト ボックス 184"/>
        <xdr:cNvSpPr txBox="1"/>
      </xdr:nvSpPr>
      <xdr:spPr>
        <a:xfrm>
          <a:off x="1784428" y="13082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2388</xdr:rowOff>
    </xdr:from>
    <xdr:to>
      <xdr:col>6</xdr:col>
      <xdr:colOff>38100</xdr:colOff>
      <xdr:row>78</xdr:row>
      <xdr:rowOff>32538</xdr:rowOff>
    </xdr:to>
    <xdr:sp macro="" textlink="">
      <xdr:nvSpPr>
        <xdr:cNvPr id="186" name="フローチャート: 判断 185"/>
        <xdr:cNvSpPr/>
      </xdr:nvSpPr>
      <xdr:spPr>
        <a:xfrm>
          <a:off x="1079500" y="13304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49065</xdr:rowOff>
    </xdr:from>
    <xdr:ext cx="469744" cy="259045"/>
    <xdr:sp macro="" textlink="">
      <xdr:nvSpPr>
        <xdr:cNvPr id="187" name="テキスト ボックス 186"/>
        <xdr:cNvSpPr txBox="1"/>
      </xdr:nvSpPr>
      <xdr:spPr>
        <a:xfrm>
          <a:off x="895428" y="13079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7755</xdr:rowOff>
    </xdr:from>
    <xdr:to>
      <xdr:col>24</xdr:col>
      <xdr:colOff>114300</xdr:colOff>
      <xdr:row>78</xdr:row>
      <xdr:rowOff>87905</xdr:rowOff>
    </xdr:to>
    <xdr:sp macro="" textlink="">
      <xdr:nvSpPr>
        <xdr:cNvPr id="193" name="楕円 192"/>
        <xdr:cNvSpPr/>
      </xdr:nvSpPr>
      <xdr:spPr>
        <a:xfrm>
          <a:off x="4584700" y="13359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2682</xdr:rowOff>
    </xdr:from>
    <xdr:ext cx="469744" cy="259045"/>
    <xdr:sp macro="" textlink="">
      <xdr:nvSpPr>
        <xdr:cNvPr id="194" name="維持補修費該当値テキスト"/>
        <xdr:cNvSpPr txBox="1"/>
      </xdr:nvSpPr>
      <xdr:spPr>
        <a:xfrm>
          <a:off x="4686300" y="13274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46278</xdr:rowOff>
    </xdr:from>
    <xdr:to>
      <xdr:col>20</xdr:col>
      <xdr:colOff>38100</xdr:colOff>
      <xdr:row>78</xdr:row>
      <xdr:rowOff>76428</xdr:rowOff>
    </xdr:to>
    <xdr:sp macro="" textlink="">
      <xdr:nvSpPr>
        <xdr:cNvPr id="195" name="楕円 194"/>
        <xdr:cNvSpPr/>
      </xdr:nvSpPr>
      <xdr:spPr>
        <a:xfrm>
          <a:off x="3746500" y="13347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67555</xdr:rowOff>
    </xdr:from>
    <xdr:ext cx="469744" cy="259045"/>
    <xdr:sp macro="" textlink="">
      <xdr:nvSpPr>
        <xdr:cNvPr id="196" name="テキスト ボックス 195"/>
        <xdr:cNvSpPr txBox="1"/>
      </xdr:nvSpPr>
      <xdr:spPr>
        <a:xfrm>
          <a:off x="3562428" y="13440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45365</xdr:rowOff>
    </xdr:from>
    <xdr:to>
      <xdr:col>15</xdr:col>
      <xdr:colOff>101600</xdr:colOff>
      <xdr:row>78</xdr:row>
      <xdr:rowOff>75515</xdr:rowOff>
    </xdr:to>
    <xdr:sp macro="" textlink="">
      <xdr:nvSpPr>
        <xdr:cNvPr id="197" name="楕円 196"/>
        <xdr:cNvSpPr/>
      </xdr:nvSpPr>
      <xdr:spPr>
        <a:xfrm>
          <a:off x="2857500" y="1334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66642</xdr:rowOff>
    </xdr:from>
    <xdr:ext cx="469744" cy="259045"/>
    <xdr:sp macro="" textlink="">
      <xdr:nvSpPr>
        <xdr:cNvPr id="198" name="テキスト ボックス 197"/>
        <xdr:cNvSpPr txBox="1"/>
      </xdr:nvSpPr>
      <xdr:spPr>
        <a:xfrm>
          <a:off x="2673428" y="13439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56291</xdr:rowOff>
    </xdr:from>
    <xdr:to>
      <xdr:col>10</xdr:col>
      <xdr:colOff>165100</xdr:colOff>
      <xdr:row>78</xdr:row>
      <xdr:rowOff>86441</xdr:rowOff>
    </xdr:to>
    <xdr:sp macro="" textlink="">
      <xdr:nvSpPr>
        <xdr:cNvPr id="199" name="楕円 198"/>
        <xdr:cNvSpPr/>
      </xdr:nvSpPr>
      <xdr:spPr>
        <a:xfrm>
          <a:off x="1968500" y="13357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77568</xdr:rowOff>
    </xdr:from>
    <xdr:ext cx="469744" cy="259045"/>
    <xdr:sp macro="" textlink="">
      <xdr:nvSpPr>
        <xdr:cNvPr id="200" name="テキスト ボックス 199"/>
        <xdr:cNvSpPr txBox="1"/>
      </xdr:nvSpPr>
      <xdr:spPr>
        <a:xfrm>
          <a:off x="1784428" y="13450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5481</xdr:rowOff>
    </xdr:from>
    <xdr:to>
      <xdr:col>6</xdr:col>
      <xdr:colOff>38100</xdr:colOff>
      <xdr:row>78</xdr:row>
      <xdr:rowOff>95631</xdr:rowOff>
    </xdr:to>
    <xdr:sp macro="" textlink="">
      <xdr:nvSpPr>
        <xdr:cNvPr id="201" name="楕円 200"/>
        <xdr:cNvSpPr/>
      </xdr:nvSpPr>
      <xdr:spPr>
        <a:xfrm>
          <a:off x="1079500" y="13367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86758</xdr:rowOff>
    </xdr:from>
    <xdr:ext cx="469744" cy="259045"/>
    <xdr:sp macro="" textlink="">
      <xdr:nvSpPr>
        <xdr:cNvPr id="202" name="テキスト ボックス 201"/>
        <xdr:cNvSpPr txBox="1"/>
      </xdr:nvSpPr>
      <xdr:spPr>
        <a:xfrm>
          <a:off x="895428" y="13459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7" name="テキスト ボックス 216"/>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2385</xdr:rowOff>
    </xdr:from>
    <xdr:to>
      <xdr:col>24</xdr:col>
      <xdr:colOff>62865</xdr:colOff>
      <xdr:row>97</xdr:row>
      <xdr:rowOff>169585</xdr:rowOff>
    </xdr:to>
    <xdr:cxnSp macro="">
      <xdr:nvCxnSpPr>
        <xdr:cNvPr id="227" name="直線コネクタ 226"/>
        <xdr:cNvCxnSpPr/>
      </xdr:nvCxnSpPr>
      <xdr:spPr>
        <a:xfrm flipV="1">
          <a:off x="4633595" y="15614335"/>
          <a:ext cx="1270" cy="11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62</xdr:rowOff>
    </xdr:from>
    <xdr:ext cx="534377" cy="259045"/>
    <xdr:sp macro="" textlink="">
      <xdr:nvSpPr>
        <xdr:cNvPr id="228" name="扶助費最小値テキスト"/>
        <xdr:cNvSpPr txBox="1"/>
      </xdr:nvSpPr>
      <xdr:spPr>
        <a:xfrm>
          <a:off x="4686300" y="16804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9585</xdr:rowOff>
    </xdr:from>
    <xdr:to>
      <xdr:col>24</xdr:col>
      <xdr:colOff>152400</xdr:colOff>
      <xdr:row>97</xdr:row>
      <xdr:rowOff>169585</xdr:rowOff>
    </xdr:to>
    <xdr:cxnSp macro="">
      <xdr:nvCxnSpPr>
        <xdr:cNvPr id="229" name="直線コネクタ 228"/>
        <xdr:cNvCxnSpPr/>
      </xdr:nvCxnSpPr>
      <xdr:spPr>
        <a:xfrm>
          <a:off x="4546600" y="16800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0512</xdr:rowOff>
    </xdr:from>
    <xdr:ext cx="599010" cy="259045"/>
    <xdr:sp macro="" textlink="">
      <xdr:nvSpPr>
        <xdr:cNvPr id="230" name="扶助費最大値テキスト"/>
        <xdr:cNvSpPr txBox="1"/>
      </xdr:nvSpPr>
      <xdr:spPr>
        <a:xfrm>
          <a:off x="4686300" y="1538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2385</xdr:rowOff>
    </xdr:from>
    <xdr:to>
      <xdr:col>24</xdr:col>
      <xdr:colOff>152400</xdr:colOff>
      <xdr:row>91</xdr:row>
      <xdr:rowOff>12385</xdr:rowOff>
    </xdr:to>
    <xdr:cxnSp macro="">
      <xdr:nvCxnSpPr>
        <xdr:cNvPr id="231" name="直線コネクタ 230"/>
        <xdr:cNvCxnSpPr/>
      </xdr:nvCxnSpPr>
      <xdr:spPr>
        <a:xfrm>
          <a:off x="4546600" y="15614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55735</xdr:rowOff>
    </xdr:from>
    <xdr:to>
      <xdr:col>24</xdr:col>
      <xdr:colOff>63500</xdr:colOff>
      <xdr:row>94</xdr:row>
      <xdr:rowOff>164190</xdr:rowOff>
    </xdr:to>
    <xdr:cxnSp macro="">
      <xdr:nvCxnSpPr>
        <xdr:cNvPr id="232" name="直線コネクタ 231"/>
        <xdr:cNvCxnSpPr/>
      </xdr:nvCxnSpPr>
      <xdr:spPr>
        <a:xfrm>
          <a:off x="3797300" y="16172035"/>
          <a:ext cx="838200" cy="108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1634</xdr:rowOff>
    </xdr:from>
    <xdr:ext cx="599010" cy="259045"/>
    <xdr:sp macro="" textlink="">
      <xdr:nvSpPr>
        <xdr:cNvPr id="233" name="扶助費平均値テキスト"/>
        <xdr:cNvSpPr txBox="1"/>
      </xdr:nvSpPr>
      <xdr:spPr>
        <a:xfrm>
          <a:off x="4686300" y="1634938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3207</xdr:rowOff>
    </xdr:from>
    <xdr:to>
      <xdr:col>24</xdr:col>
      <xdr:colOff>114300</xdr:colOff>
      <xdr:row>96</xdr:row>
      <xdr:rowOff>13357</xdr:rowOff>
    </xdr:to>
    <xdr:sp macro="" textlink="">
      <xdr:nvSpPr>
        <xdr:cNvPr id="234" name="フローチャート: 判断 233"/>
        <xdr:cNvSpPr/>
      </xdr:nvSpPr>
      <xdr:spPr>
        <a:xfrm>
          <a:off x="4584700" y="1637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55735</xdr:rowOff>
    </xdr:from>
    <xdr:to>
      <xdr:col>19</xdr:col>
      <xdr:colOff>177800</xdr:colOff>
      <xdr:row>95</xdr:row>
      <xdr:rowOff>80828</xdr:rowOff>
    </xdr:to>
    <xdr:cxnSp macro="">
      <xdr:nvCxnSpPr>
        <xdr:cNvPr id="235" name="直線コネクタ 234"/>
        <xdr:cNvCxnSpPr/>
      </xdr:nvCxnSpPr>
      <xdr:spPr>
        <a:xfrm flipV="1">
          <a:off x="2908300" y="16172035"/>
          <a:ext cx="889000" cy="196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30</xdr:rowOff>
    </xdr:from>
    <xdr:to>
      <xdr:col>20</xdr:col>
      <xdr:colOff>38100</xdr:colOff>
      <xdr:row>95</xdr:row>
      <xdr:rowOff>104730</xdr:rowOff>
    </xdr:to>
    <xdr:sp macro="" textlink="">
      <xdr:nvSpPr>
        <xdr:cNvPr id="236" name="フローチャート: 判断 235"/>
        <xdr:cNvSpPr/>
      </xdr:nvSpPr>
      <xdr:spPr>
        <a:xfrm>
          <a:off x="3746500" y="16290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95857</xdr:rowOff>
    </xdr:from>
    <xdr:ext cx="599010" cy="259045"/>
    <xdr:sp macro="" textlink="">
      <xdr:nvSpPr>
        <xdr:cNvPr id="237" name="テキスト ボックス 236"/>
        <xdr:cNvSpPr txBox="1"/>
      </xdr:nvSpPr>
      <xdr:spPr>
        <a:xfrm>
          <a:off x="3497795" y="163836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80828</xdr:rowOff>
    </xdr:from>
    <xdr:to>
      <xdr:col>15</xdr:col>
      <xdr:colOff>50800</xdr:colOff>
      <xdr:row>95</xdr:row>
      <xdr:rowOff>96762</xdr:rowOff>
    </xdr:to>
    <xdr:cxnSp macro="">
      <xdr:nvCxnSpPr>
        <xdr:cNvPr id="238" name="直線コネクタ 237"/>
        <xdr:cNvCxnSpPr/>
      </xdr:nvCxnSpPr>
      <xdr:spPr>
        <a:xfrm flipV="1">
          <a:off x="2019300" y="16368578"/>
          <a:ext cx="889000" cy="15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7521</xdr:rowOff>
    </xdr:from>
    <xdr:to>
      <xdr:col>15</xdr:col>
      <xdr:colOff>101600</xdr:colOff>
      <xdr:row>96</xdr:row>
      <xdr:rowOff>159121</xdr:rowOff>
    </xdr:to>
    <xdr:sp macro="" textlink="">
      <xdr:nvSpPr>
        <xdr:cNvPr id="239" name="フローチャート: 判断 238"/>
        <xdr:cNvSpPr/>
      </xdr:nvSpPr>
      <xdr:spPr>
        <a:xfrm>
          <a:off x="2857500" y="1651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50248</xdr:rowOff>
    </xdr:from>
    <xdr:ext cx="599010" cy="259045"/>
    <xdr:sp macro="" textlink="">
      <xdr:nvSpPr>
        <xdr:cNvPr id="240" name="テキスト ボックス 239"/>
        <xdr:cNvSpPr txBox="1"/>
      </xdr:nvSpPr>
      <xdr:spPr>
        <a:xfrm>
          <a:off x="2608795" y="16609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96762</xdr:rowOff>
    </xdr:from>
    <xdr:to>
      <xdr:col>10</xdr:col>
      <xdr:colOff>114300</xdr:colOff>
      <xdr:row>95</xdr:row>
      <xdr:rowOff>118859</xdr:rowOff>
    </xdr:to>
    <xdr:cxnSp macro="">
      <xdr:nvCxnSpPr>
        <xdr:cNvPr id="241" name="直線コネクタ 240"/>
        <xdr:cNvCxnSpPr/>
      </xdr:nvCxnSpPr>
      <xdr:spPr>
        <a:xfrm flipV="1">
          <a:off x="1130300" y="16384512"/>
          <a:ext cx="889000" cy="22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3371</xdr:rowOff>
    </xdr:from>
    <xdr:to>
      <xdr:col>10</xdr:col>
      <xdr:colOff>165100</xdr:colOff>
      <xdr:row>97</xdr:row>
      <xdr:rowOff>3521</xdr:rowOff>
    </xdr:to>
    <xdr:sp macro="" textlink="">
      <xdr:nvSpPr>
        <xdr:cNvPr id="242" name="フローチャート: 判断 241"/>
        <xdr:cNvSpPr/>
      </xdr:nvSpPr>
      <xdr:spPr>
        <a:xfrm>
          <a:off x="1968500" y="16532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66098</xdr:rowOff>
    </xdr:from>
    <xdr:ext cx="599010" cy="259045"/>
    <xdr:sp macro="" textlink="">
      <xdr:nvSpPr>
        <xdr:cNvPr id="243" name="テキスト ボックス 242"/>
        <xdr:cNvSpPr txBox="1"/>
      </xdr:nvSpPr>
      <xdr:spPr>
        <a:xfrm>
          <a:off x="1719795" y="166252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4085</xdr:rowOff>
    </xdr:from>
    <xdr:to>
      <xdr:col>6</xdr:col>
      <xdr:colOff>38100</xdr:colOff>
      <xdr:row>97</xdr:row>
      <xdr:rowOff>44235</xdr:rowOff>
    </xdr:to>
    <xdr:sp macro="" textlink="">
      <xdr:nvSpPr>
        <xdr:cNvPr id="244" name="フローチャート: 判断 243"/>
        <xdr:cNvSpPr/>
      </xdr:nvSpPr>
      <xdr:spPr>
        <a:xfrm>
          <a:off x="1079500" y="1657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35362</xdr:rowOff>
    </xdr:from>
    <xdr:ext cx="599010" cy="259045"/>
    <xdr:sp macro="" textlink="">
      <xdr:nvSpPr>
        <xdr:cNvPr id="245" name="テキスト ボックス 244"/>
        <xdr:cNvSpPr txBox="1"/>
      </xdr:nvSpPr>
      <xdr:spPr>
        <a:xfrm>
          <a:off x="830795" y="166660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13390</xdr:rowOff>
    </xdr:from>
    <xdr:to>
      <xdr:col>24</xdr:col>
      <xdr:colOff>114300</xdr:colOff>
      <xdr:row>95</xdr:row>
      <xdr:rowOff>43540</xdr:rowOff>
    </xdr:to>
    <xdr:sp macro="" textlink="">
      <xdr:nvSpPr>
        <xdr:cNvPr id="251" name="楕円 250"/>
        <xdr:cNvSpPr/>
      </xdr:nvSpPr>
      <xdr:spPr>
        <a:xfrm>
          <a:off x="4584700" y="16229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36267</xdr:rowOff>
    </xdr:from>
    <xdr:ext cx="599010" cy="259045"/>
    <xdr:sp macro="" textlink="">
      <xdr:nvSpPr>
        <xdr:cNvPr id="252" name="扶助費該当値テキスト"/>
        <xdr:cNvSpPr txBox="1"/>
      </xdr:nvSpPr>
      <xdr:spPr>
        <a:xfrm>
          <a:off x="4686300" y="160811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4935</xdr:rowOff>
    </xdr:from>
    <xdr:to>
      <xdr:col>20</xdr:col>
      <xdr:colOff>38100</xdr:colOff>
      <xdr:row>94</xdr:row>
      <xdr:rowOff>106535</xdr:rowOff>
    </xdr:to>
    <xdr:sp macro="" textlink="">
      <xdr:nvSpPr>
        <xdr:cNvPr id="253" name="楕円 252"/>
        <xdr:cNvSpPr/>
      </xdr:nvSpPr>
      <xdr:spPr>
        <a:xfrm>
          <a:off x="3746500" y="16121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23062</xdr:rowOff>
    </xdr:from>
    <xdr:ext cx="599010" cy="259045"/>
    <xdr:sp macro="" textlink="">
      <xdr:nvSpPr>
        <xdr:cNvPr id="254" name="テキスト ボックス 253"/>
        <xdr:cNvSpPr txBox="1"/>
      </xdr:nvSpPr>
      <xdr:spPr>
        <a:xfrm>
          <a:off x="3497795" y="158964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30028</xdr:rowOff>
    </xdr:from>
    <xdr:to>
      <xdr:col>15</xdr:col>
      <xdr:colOff>101600</xdr:colOff>
      <xdr:row>95</xdr:row>
      <xdr:rowOff>131628</xdr:rowOff>
    </xdr:to>
    <xdr:sp macro="" textlink="">
      <xdr:nvSpPr>
        <xdr:cNvPr id="255" name="楕円 254"/>
        <xdr:cNvSpPr/>
      </xdr:nvSpPr>
      <xdr:spPr>
        <a:xfrm>
          <a:off x="2857500" y="16317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3</xdr:row>
      <xdr:rowOff>148155</xdr:rowOff>
    </xdr:from>
    <xdr:ext cx="599010" cy="259045"/>
    <xdr:sp macro="" textlink="">
      <xdr:nvSpPr>
        <xdr:cNvPr id="256" name="テキスト ボックス 255"/>
        <xdr:cNvSpPr txBox="1"/>
      </xdr:nvSpPr>
      <xdr:spPr>
        <a:xfrm>
          <a:off x="2608795" y="160930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45962</xdr:rowOff>
    </xdr:from>
    <xdr:to>
      <xdr:col>10</xdr:col>
      <xdr:colOff>165100</xdr:colOff>
      <xdr:row>95</xdr:row>
      <xdr:rowOff>147562</xdr:rowOff>
    </xdr:to>
    <xdr:sp macro="" textlink="">
      <xdr:nvSpPr>
        <xdr:cNvPr id="257" name="楕円 256"/>
        <xdr:cNvSpPr/>
      </xdr:nvSpPr>
      <xdr:spPr>
        <a:xfrm>
          <a:off x="1968500" y="16333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164089</xdr:rowOff>
    </xdr:from>
    <xdr:ext cx="599010" cy="259045"/>
    <xdr:sp macro="" textlink="">
      <xdr:nvSpPr>
        <xdr:cNvPr id="258" name="テキスト ボックス 257"/>
        <xdr:cNvSpPr txBox="1"/>
      </xdr:nvSpPr>
      <xdr:spPr>
        <a:xfrm>
          <a:off x="1719795" y="161089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68059</xdr:rowOff>
    </xdr:from>
    <xdr:to>
      <xdr:col>6</xdr:col>
      <xdr:colOff>38100</xdr:colOff>
      <xdr:row>95</xdr:row>
      <xdr:rowOff>169659</xdr:rowOff>
    </xdr:to>
    <xdr:sp macro="" textlink="">
      <xdr:nvSpPr>
        <xdr:cNvPr id="259" name="楕円 258"/>
        <xdr:cNvSpPr/>
      </xdr:nvSpPr>
      <xdr:spPr>
        <a:xfrm>
          <a:off x="1079500" y="16355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4</xdr:row>
      <xdr:rowOff>14736</xdr:rowOff>
    </xdr:from>
    <xdr:ext cx="599010" cy="259045"/>
    <xdr:sp macro="" textlink="">
      <xdr:nvSpPr>
        <xdr:cNvPr id="260" name="テキスト ボックス 259"/>
        <xdr:cNvSpPr txBox="1"/>
      </xdr:nvSpPr>
      <xdr:spPr>
        <a:xfrm>
          <a:off x="830795" y="16131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1035</xdr:rowOff>
    </xdr:from>
    <xdr:to>
      <xdr:col>54</xdr:col>
      <xdr:colOff>189865</xdr:colOff>
      <xdr:row>38</xdr:row>
      <xdr:rowOff>50840</xdr:rowOff>
    </xdr:to>
    <xdr:cxnSp macro="">
      <xdr:nvCxnSpPr>
        <xdr:cNvPr id="286" name="直線コネクタ 285"/>
        <xdr:cNvCxnSpPr/>
      </xdr:nvCxnSpPr>
      <xdr:spPr>
        <a:xfrm flipV="1">
          <a:off x="10475595" y="5335985"/>
          <a:ext cx="1270" cy="1229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54667</xdr:rowOff>
    </xdr:from>
    <xdr:ext cx="534377" cy="259045"/>
    <xdr:sp macro="" textlink="">
      <xdr:nvSpPr>
        <xdr:cNvPr id="287" name="補助費等最小値テキスト"/>
        <xdr:cNvSpPr txBox="1"/>
      </xdr:nvSpPr>
      <xdr:spPr>
        <a:xfrm>
          <a:off x="10528300" y="656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50840</xdr:rowOff>
    </xdr:from>
    <xdr:to>
      <xdr:col>55</xdr:col>
      <xdr:colOff>88900</xdr:colOff>
      <xdr:row>38</xdr:row>
      <xdr:rowOff>50840</xdr:rowOff>
    </xdr:to>
    <xdr:cxnSp macro="">
      <xdr:nvCxnSpPr>
        <xdr:cNvPr id="288" name="直線コネクタ 287"/>
        <xdr:cNvCxnSpPr/>
      </xdr:nvCxnSpPr>
      <xdr:spPr>
        <a:xfrm>
          <a:off x="10388600" y="656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9162</xdr:rowOff>
    </xdr:from>
    <xdr:ext cx="599010" cy="259045"/>
    <xdr:sp macro="" textlink="">
      <xdr:nvSpPr>
        <xdr:cNvPr id="289" name="補助費等最大値テキスト"/>
        <xdr:cNvSpPr txBox="1"/>
      </xdr:nvSpPr>
      <xdr:spPr>
        <a:xfrm>
          <a:off x="10528300" y="5111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21035</xdr:rowOff>
    </xdr:from>
    <xdr:to>
      <xdr:col>55</xdr:col>
      <xdr:colOff>88900</xdr:colOff>
      <xdr:row>31</xdr:row>
      <xdr:rowOff>21035</xdr:rowOff>
    </xdr:to>
    <xdr:cxnSp macro="">
      <xdr:nvCxnSpPr>
        <xdr:cNvPr id="290" name="直線コネクタ 289"/>
        <xdr:cNvCxnSpPr/>
      </xdr:nvCxnSpPr>
      <xdr:spPr>
        <a:xfrm>
          <a:off x="10388600" y="5335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44526</xdr:rowOff>
    </xdr:from>
    <xdr:to>
      <xdr:col>55</xdr:col>
      <xdr:colOff>0</xdr:colOff>
      <xdr:row>37</xdr:row>
      <xdr:rowOff>25433</xdr:rowOff>
    </xdr:to>
    <xdr:cxnSp macro="">
      <xdr:nvCxnSpPr>
        <xdr:cNvPr id="291" name="直線コネクタ 290"/>
        <xdr:cNvCxnSpPr/>
      </xdr:nvCxnSpPr>
      <xdr:spPr>
        <a:xfrm flipV="1">
          <a:off x="9639300" y="6216726"/>
          <a:ext cx="838200" cy="15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041</xdr:rowOff>
    </xdr:from>
    <xdr:ext cx="534377" cy="259045"/>
    <xdr:sp macro="" textlink="">
      <xdr:nvSpPr>
        <xdr:cNvPr id="292" name="補助費等平均値テキスト"/>
        <xdr:cNvSpPr txBox="1"/>
      </xdr:nvSpPr>
      <xdr:spPr>
        <a:xfrm>
          <a:off x="10528300" y="61862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5614</xdr:rowOff>
    </xdr:from>
    <xdr:to>
      <xdr:col>55</xdr:col>
      <xdr:colOff>50800</xdr:colOff>
      <xdr:row>36</xdr:row>
      <xdr:rowOff>137214</xdr:rowOff>
    </xdr:to>
    <xdr:sp macro="" textlink="">
      <xdr:nvSpPr>
        <xdr:cNvPr id="293" name="フローチャート: 判断 292"/>
        <xdr:cNvSpPr/>
      </xdr:nvSpPr>
      <xdr:spPr>
        <a:xfrm>
          <a:off x="10426700" y="6207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19616</xdr:rowOff>
    </xdr:from>
    <xdr:to>
      <xdr:col>50</xdr:col>
      <xdr:colOff>114300</xdr:colOff>
      <xdr:row>37</xdr:row>
      <xdr:rowOff>25433</xdr:rowOff>
    </xdr:to>
    <xdr:cxnSp macro="">
      <xdr:nvCxnSpPr>
        <xdr:cNvPr id="294" name="直線コネクタ 293"/>
        <xdr:cNvCxnSpPr/>
      </xdr:nvCxnSpPr>
      <xdr:spPr>
        <a:xfrm>
          <a:off x="8750300" y="5263116"/>
          <a:ext cx="889000" cy="1105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73714</xdr:rowOff>
    </xdr:from>
    <xdr:to>
      <xdr:col>50</xdr:col>
      <xdr:colOff>165100</xdr:colOff>
      <xdr:row>37</xdr:row>
      <xdr:rowOff>3864</xdr:rowOff>
    </xdr:to>
    <xdr:sp macro="" textlink="">
      <xdr:nvSpPr>
        <xdr:cNvPr id="295" name="フローチャート: 判断 294"/>
        <xdr:cNvSpPr/>
      </xdr:nvSpPr>
      <xdr:spPr>
        <a:xfrm>
          <a:off x="9588500" y="624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20391</xdr:rowOff>
    </xdr:from>
    <xdr:ext cx="534377" cy="259045"/>
    <xdr:sp macro="" textlink="">
      <xdr:nvSpPr>
        <xdr:cNvPr id="296" name="テキスト ボックス 295"/>
        <xdr:cNvSpPr txBox="1"/>
      </xdr:nvSpPr>
      <xdr:spPr>
        <a:xfrm>
          <a:off x="9372111" y="6021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19616</xdr:rowOff>
    </xdr:from>
    <xdr:to>
      <xdr:col>45</xdr:col>
      <xdr:colOff>177800</xdr:colOff>
      <xdr:row>37</xdr:row>
      <xdr:rowOff>128923</xdr:rowOff>
    </xdr:to>
    <xdr:cxnSp macro="">
      <xdr:nvCxnSpPr>
        <xdr:cNvPr id="297" name="直線コネクタ 296"/>
        <xdr:cNvCxnSpPr/>
      </xdr:nvCxnSpPr>
      <xdr:spPr>
        <a:xfrm flipV="1">
          <a:off x="7861300" y="5263116"/>
          <a:ext cx="889000" cy="1209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3527</xdr:rowOff>
    </xdr:from>
    <xdr:to>
      <xdr:col>46</xdr:col>
      <xdr:colOff>38100</xdr:colOff>
      <xdr:row>30</xdr:row>
      <xdr:rowOff>115127</xdr:rowOff>
    </xdr:to>
    <xdr:sp macro="" textlink="">
      <xdr:nvSpPr>
        <xdr:cNvPr id="298" name="フローチャート: 判断 297"/>
        <xdr:cNvSpPr/>
      </xdr:nvSpPr>
      <xdr:spPr>
        <a:xfrm>
          <a:off x="8699500" y="51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31654</xdr:rowOff>
    </xdr:from>
    <xdr:ext cx="599010" cy="259045"/>
    <xdr:sp macro="" textlink="">
      <xdr:nvSpPr>
        <xdr:cNvPr id="299" name="テキスト ボックス 298"/>
        <xdr:cNvSpPr txBox="1"/>
      </xdr:nvSpPr>
      <xdr:spPr>
        <a:xfrm>
          <a:off x="8450795" y="4932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8923</xdr:rowOff>
    </xdr:from>
    <xdr:to>
      <xdr:col>41</xdr:col>
      <xdr:colOff>50800</xdr:colOff>
      <xdr:row>37</xdr:row>
      <xdr:rowOff>142378</xdr:rowOff>
    </xdr:to>
    <xdr:cxnSp macro="">
      <xdr:nvCxnSpPr>
        <xdr:cNvPr id="300" name="直線コネクタ 299"/>
        <xdr:cNvCxnSpPr/>
      </xdr:nvCxnSpPr>
      <xdr:spPr>
        <a:xfrm flipV="1">
          <a:off x="6972300" y="6472573"/>
          <a:ext cx="889000" cy="13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7574</xdr:rowOff>
    </xdr:from>
    <xdr:to>
      <xdr:col>41</xdr:col>
      <xdr:colOff>101600</xdr:colOff>
      <xdr:row>37</xdr:row>
      <xdr:rowOff>77724</xdr:rowOff>
    </xdr:to>
    <xdr:sp macro="" textlink="">
      <xdr:nvSpPr>
        <xdr:cNvPr id="301" name="フローチャート: 判断 300"/>
        <xdr:cNvSpPr/>
      </xdr:nvSpPr>
      <xdr:spPr>
        <a:xfrm>
          <a:off x="7810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94251</xdr:rowOff>
    </xdr:from>
    <xdr:ext cx="534377" cy="259045"/>
    <xdr:sp macro="" textlink="">
      <xdr:nvSpPr>
        <xdr:cNvPr id="302" name="テキスト ボックス 301"/>
        <xdr:cNvSpPr txBox="1"/>
      </xdr:nvSpPr>
      <xdr:spPr>
        <a:xfrm>
          <a:off x="7594111" y="609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84</xdr:rowOff>
    </xdr:from>
    <xdr:to>
      <xdr:col>36</xdr:col>
      <xdr:colOff>165100</xdr:colOff>
      <xdr:row>37</xdr:row>
      <xdr:rowOff>104884</xdr:rowOff>
    </xdr:to>
    <xdr:sp macro="" textlink="">
      <xdr:nvSpPr>
        <xdr:cNvPr id="303" name="フローチャート: 判断 302"/>
        <xdr:cNvSpPr/>
      </xdr:nvSpPr>
      <xdr:spPr>
        <a:xfrm>
          <a:off x="6921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1411</xdr:rowOff>
    </xdr:from>
    <xdr:ext cx="534377" cy="259045"/>
    <xdr:sp macro="" textlink="">
      <xdr:nvSpPr>
        <xdr:cNvPr id="304" name="テキスト ボックス 303"/>
        <xdr:cNvSpPr txBox="1"/>
      </xdr:nvSpPr>
      <xdr:spPr>
        <a:xfrm>
          <a:off x="6705111" y="612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5176</xdr:rowOff>
    </xdr:from>
    <xdr:to>
      <xdr:col>55</xdr:col>
      <xdr:colOff>50800</xdr:colOff>
      <xdr:row>36</xdr:row>
      <xdr:rowOff>95326</xdr:rowOff>
    </xdr:to>
    <xdr:sp macro="" textlink="">
      <xdr:nvSpPr>
        <xdr:cNvPr id="310" name="楕円 309"/>
        <xdr:cNvSpPr/>
      </xdr:nvSpPr>
      <xdr:spPr>
        <a:xfrm>
          <a:off x="10426700" y="6165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6603</xdr:rowOff>
    </xdr:from>
    <xdr:ext cx="534377" cy="259045"/>
    <xdr:sp macro="" textlink="">
      <xdr:nvSpPr>
        <xdr:cNvPr id="311" name="補助費等該当値テキスト"/>
        <xdr:cNvSpPr txBox="1"/>
      </xdr:nvSpPr>
      <xdr:spPr>
        <a:xfrm>
          <a:off x="10528300" y="601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46083</xdr:rowOff>
    </xdr:from>
    <xdr:to>
      <xdr:col>50</xdr:col>
      <xdr:colOff>165100</xdr:colOff>
      <xdr:row>37</xdr:row>
      <xdr:rowOff>76233</xdr:rowOff>
    </xdr:to>
    <xdr:sp macro="" textlink="">
      <xdr:nvSpPr>
        <xdr:cNvPr id="312" name="楕円 311"/>
        <xdr:cNvSpPr/>
      </xdr:nvSpPr>
      <xdr:spPr>
        <a:xfrm>
          <a:off x="9588500" y="6318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67360</xdr:rowOff>
    </xdr:from>
    <xdr:ext cx="534377" cy="259045"/>
    <xdr:sp macro="" textlink="">
      <xdr:nvSpPr>
        <xdr:cNvPr id="313" name="テキスト ボックス 312"/>
        <xdr:cNvSpPr txBox="1"/>
      </xdr:nvSpPr>
      <xdr:spPr>
        <a:xfrm>
          <a:off x="9372111" y="6411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68816</xdr:rowOff>
    </xdr:from>
    <xdr:to>
      <xdr:col>46</xdr:col>
      <xdr:colOff>38100</xdr:colOff>
      <xdr:row>30</xdr:row>
      <xdr:rowOff>170416</xdr:rowOff>
    </xdr:to>
    <xdr:sp macro="" textlink="">
      <xdr:nvSpPr>
        <xdr:cNvPr id="314" name="楕円 313"/>
        <xdr:cNvSpPr/>
      </xdr:nvSpPr>
      <xdr:spPr>
        <a:xfrm>
          <a:off x="8699500" y="5212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161543</xdr:rowOff>
    </xdr:from>
    <xdr:ext cx="599010" cy="259045"/>
    <xdr:sp macro="" textlink="">
      <xdr:nvSpPr>
        <xdr:cNvPr id="315" name="テキスト ボックス 314"/>
        <xdr:cNvSpPr txBox="1"/>
      </xdr:nvSpPr>
      <xdr:spPr>
        <a:xfrm>
          <a:off x="8450795" y="53050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8123</xdr:rowOff>
    </xdr:from>
    <xdr:to>
      <xdr:col>41</xdr:col>
      <xdr:colOff>101600</xdr:colOff>
      <xdr:row>38</xdr:row>
      <xdr:rowOff>8273</xdr:rowOff>
    </xdr:to>
    <xdr:sp macro="" textlink="">
      <xdr:nvSpPr>
        <xdr:cNvPr id="316" name="楕円 315"/>
        <xdr:cNvSpPr/>
      </xdr:nvSpPr>
      <xdr:spPr>
        <a:xfrm>
          <a:off x="7810500" y="6421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70850</xdr:rowOff>
    </xdr:from>
    <xdr:ext cx="534377" cy="259045"/>
    <xdr:sp macro="" textlink="">
      <xdr:nvSpPr>
        <xdr:cNvPr id="317" name="テキスト ボックス 316"/>
        <xdr:cNvSpPr txBox="1"/>
      </xdr:nvSpPr>
      <xdr:spPr>
        <a:xfrm>
          <a:off x="7594111" y="6514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1578</xdr:rowOff>
    </xdr:from>
    <xdr:to>
      <xdr:col>36</xdr:col>
      <xdr:colOff>165100</xdr:colOff>
      <xdr:row>38</xdr:row>
      <xdr:rowOff>21727</xdr:rowOff>
    </xdr:to>
    <xdr:sp macro="" textlink="">
      <xdr:nvSpPr>
        <xdr:cNvPr id="318" name="楕円 317"/>
        <xdr:cNvSpPr/>
      </xdr:nvSpPr>
      <xdr:spPr>
        <a:xfrm>
          <a:off x="6921500" y="6435228"/>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2855</xdr:rowOff>
    </xdr:from>
    <xdr:ext cx="534377" cy="259045"/>
    <xdr:sp macro="" textlink="">
      <xdr:nvSpPr>
        <xdr:cNvPr id="319" name="テキスト ボックス 318"/>
        <xdr:cNvSpPr txBox="1"/>
      </xdr:nvSpPr>
      <xdr:spPr>
        <a:xfrm>
          <a:off x="6705111" y="6527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6398</xdr:rowOff>
    </xdr:from>
    <xdr:to>
      <xdr:col>54</xdr:col>
      <xdr:colOff>189865</xdr:colOff>
      <xdr:row>58</xdr:row>
      <xdr:rowOff>67348</xdr:rowOff>
    </xdr:to>
    <xdr:cxnSp macro="">
      <xdr:nvCxnSpPr>
        <xdr:cNvPr id="343" name="直線コネクタ 342"/>
        <xdr:cNvCxnSpPr/>
      </xdr:nvCxnSpPr>
      <xdr:spPr>
        <a:xfrm flipV="1">
          <a:off x="10475595" y="8658898"/>
          <a:ext cx="127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1175</xdr:rowOff>
    </xdr:from>
    <xdr:ext cx="534377" cy="259045"/>
    <xdr:sp macro="" textlink="">
      <xdr:nvSpPr>
        <xdr:cNvPr id="344" name="普通建設事業費最小値テキスト"/>
        <xdr:cNvSpPr txBox="1"/>
      </xdr:nvSpPr>
      <xdr:spPr>
        <a:xfrm>
          <a:off x="10528300" y="10015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67348</xdr:rowOff>
    </xdr:from>
    <xdr:to>
      <xdr:col>55</xdr:col>
      <xdr:colOff>88900</xdr:colOff>
      <xdr:row>58</xdr:row>
      <xdr:rowOff>67348</xdr:rowOff>
    </xdr:to>
    <xdr:cxnSp macro="">
      <xdr:nvCxnSpPr>
        <xdr:cNvPr id="345" name="直線コネクタ 344"/>
        <xdr:cNvCxnSpPr/>
      </xdr:nvCxnSpPr>
      <xdr:spPr>
        <a:xfrm>
          <a:off x="10388600" y="10011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3075</xdr:rowOff>
    </xdr:from>
    <xdr:ext cx="599010" cy="259045"/>
    <xdr:sp macro="" textlink="">
      <xdr:nvSpPr>
        <xdr:cNvPr id="346" name="普通建設事業費最大値テキスト"/>
        <xdr:cNvSpPr txBox="1"/>
      </xdr:nvSpPr>
      <xdr:spPr>
        <a:xfrm>
          <a:off x="10528300" y="8434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6398</xdr:rowOff>
    </xdr:from>
    <xdr:to>
      <xdr:col>55</xdr:col>
      <xdr:colOff>88900</xdr:colOff>
      <xdr:row>50</xdr:row>
      <xdr:rowOff>86398</xdr:rowOff>
    </xdr:to>
    <xdr:cxnSp macro="">
      <xdr:nvCxnSpPr>
        <xdr:cNvPr id="347" name="直線コネクタ 346"/>
        <xdr:cNvCxnSpPr/>
      </xdr:nvCxnSpPr>
      <xdr:spPr>
        <a:xfrm>
          <a:off x="10388600" y="8658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51054</xdr:rowOff>
    </xdr:from>
    <xdr:to>
      <xdr:col>55</xdr:col>
      <xdr:colOff>0</xdr:colOff>
      <xdr:row>57</xdr:row>
      <xdr:rowOff>96825</xdr:rowOff>
    </xdr:to>
    <xdr:cxnSp macro="">
      <xdr:nvCxnSpPr>
        <xdr:cNvPr id="348" name="直線コネクタ 347"/>
        <xdr:cNvCxnSpPr/>
      </xdr:nvCxnSpPr>
      <xdr:spPr>
        <a:xfrm flipV="1">
          <a:off x="9639300" y="9823704"/>
          <a:ext cx="838200" cy="45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69930</xdr:rowOff>
    </xdr:from>
    <xdr:ext cx="534377" cy="259045"/>
    <xdr:sp macro="" textlink="">
      <xdr:nvSpPr>
        <xdr:cNvPr id="349" name="普通建設事業費平均値テキスト"/>
        <xdr:cNvSpPr txBox="1"/>
      </xdr:nvSpPr>
      <xdr:spPr>
        <a:xfrm>
          <a:off x="10528300" y="9428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7053</xdr:rowOff>
    </xdr:from>
    <xdr:to>
      <xdr:col>55</xdr:col>
      <xdr:colOff>50800</xdr:colOff>
      <xdr:row>56</xdr:row>
      <xdr:rowOff>77203</xdr:rowOff>
    </xdr:to>
    <xdr:sp macro="" textlink="">
      <xdr:nvSpPr>
        <xdr:cNvPr id="350" name="フローチャート: 判断 349"/>
        <xdr:cNvSpPr/>
      </xdr:nvSpPr>
      <xdr:spPr>
        <a:xfrm>
          <a:off x="10426700" y="9576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96825</xdr:rowOff>
    </xdr:from>
    <xdr:to>
      <xdr:col>50</xdr:col>
      <xdr:colOff>114300</xdr:colOff>
      <xdr:row>57</xdr:row>
      <xdr:rowOff>129705</xdr:rowOff>
    </xdr:to>
    <xdr:cxnSp macro="">
      <xdr:nvCxnSpPr>
        <xdr:cNvPr id="351" name="直線コネクタ 350"/>
        <xdr:cNvCxnSpPr/>
      </xdr:nvCxnSpPr>
      <xdr:spPr>
        <a:xfrm flipV="1">
          <a:off x="8750300" y="9869475"/>
          <a:ext cx="889000" cy="3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221</xdr:rowOff>
    </xdr:from>
    <xdr:to>
      <xdr:col>50</xdr:col>
      <xdr:colOff>165100</xdr:colOff>
      <xdr:row>56</xdr:row>
      <xdr:rowOff>51371</xdr:rowOff>
    </xdr:to>
    <xdr:sp macro="" textlink="">
      <xdr:nvSpPr>
        <xdr:cNvPr id="352" name="フローチャート: 判断 351"/>
        <xdr:cNvSpPr/>
      </xdr:nvSpPr>
      <xdr:spPr>
        <a:xfrm>
          <a:off x="9588500" y="9550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67898</xdr:rowOff>
    </xdr:from>
    <xdr:ext cx="534377" cy="259045"/>
    <xdr:sp macro="" textlink="">
      <xdr:nvSpPr>
        <xdr:cNvPr id="353" name="テキスト ボックス 352"/>
        <xdr:cNvSpPr txBox="1"/>
      </xdr:nvSpPr>
      <xdr:spPr>
        <a:xfrm>
          <a:off x="9372111" y="9326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15684</xdr:rowOff>
    </xdr:from>
    <xdr:to>
      <xdr:col>45</xdr:col>
      <xdr:colOff>177800</xdr:colOff>
      <xdr:row>57</xdr:row>
      <xdr:rowOff>129705</xdr:rowOff>
    </xdr:to>
    <xdr:cxnSp macro="">
      <xdr:nvCxnSpPr>
        <xdr:cNvPr id="354" name="直線コネクタ 353"/>
        <xdr:cNvCxnSpPr/>
      </xdr:nvCxnSpPr>
      <xdr:spPr>
        <a:xfrm>
          <a:off x="7861300" y="9545434"/>
          <a:ext cx="889000" cy="356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18605</xdr:rowOff>
    </xdr:from>
    <xdr:to>
      <xdr:col>46</xdr:col>
      <xdr:colOff>38100</xdr:colOff>
      <xdr:row>56</xdr:row>
      <xdr:rowOff>48755</xdr:rowOff>
    </xdr:to>
    <xdr:sp macro="" textlink="">
      <xdr:nvSpPr>
        <xdr:cNvPr id="355" name="フローチャート: 判断 354"/>
        <xdr:cNvSpPr/>
      </xdr:nvSpPr>
      <xdr:spPr>
        <a:xfrm>
          <a:off x="8699500" y="9548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65282</xdr:rowOff>
    </xdr:from>
    <xdr:ext cx="534377" cy="259045"/>
    <xdr:sp macro="" textlink="">
      <xdr:nvSpPr>
        <xdr:cNvPr id="356" name="テキスト ボックス 355"/>
        <xdr:cNvSpPr txBox="1"/>
      </xdr:nvSpPr>
      <xdr:spPr>
        <a:xfrm>
          <a:off x="8483111" y="932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115684</xdr:rowOff>
    </xdr:from>
    <xdr:to>
      <xdr:col>41</xdr:col>
      <xdr:colOff>50800</xdr:colOff>
      <xdr:row>56</xdr:row>
      <xdr:rowOff>68211</xdr:rowOff>
    </xdr:to>
    <xdr:cxnSp macro="">
      <xdr:nvCxnSpPr>
        <xdr:cNvPr id="357" name="直線コネクタ 356"/>
        <xdr:cNvCxnSpPr/>
      </xdr:nvCxnSpPr>
      <xdr:spPr>
        <a:xfrm flipV="1">
          <a:off x="6972300" y="9545434"/>
          <a:ext cx="889000" cy="123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5433</xdr:rowOff>
    </xdr:from>
    <xdr:to>
      <xdr:col>41</xdr:col>
      <xdr:colOff>101600</xdr:colOff>
      <xdr:row>56</xdr:row>
      <xdr:rowOff>65583</xdr:rowOff>
    </xdr:to>
    <xdr:sp macro="" textlink="">
      <xdr:nvSpPr>
        <xdr:cNvPr id="358" name="フローチャート: 判断 357"/>
        <xdr:cNvSpPr/>
      </xdr:nvSpPr>
      <xdr:spPr>
        <a:xfrm>
          <a:off x="7810500" y="9565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56710</xdr:rowOff>
    </xdr:from>
    <xdr:ext cx="534377" cy="259045"/>
    <xdr:sp macro="" textlink="">
      <xdr:nvSpPr>
        <xdr:cNvPr id="359" name="テキスト ボックス 358"/>
        <xdr:cNvSpPr txBox="1"/>
      </xdr:nvSpPr>
      <xdr:spPr>
        <a:xfrm>
          <a:off x="7594111" y="9657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0480</xdr:rowOff>
    </xdr:from>
    <xdr:to>
      <xdr:col>36</xdr:col>
      <xdr:colOff>165100</xdr:colOff>
      <xdr:row>56</xdr:row>
      <xdr:rowOff>60630</xdr:rowOff>
    </xdr:to>
    <xdr:sp macro="" textlink="">
      <xdr:nvSpPr>
        <xdr:cNvPr id="360" name="フローチャート: 判断 359"/>
        <xdr:cNvSpPr/>
      </xdr:nvSpPr>
      <xdr:spPr>
        <a:xfrm>
          <a:off x="6921500" y="956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77157</xdr:rowOff>
    </xdr:from>
    <xdr:ext cx="534377" cy="259045"/>
    <xdr:sp macro="" textlink="">
      <xdr:nvSpPr>
        <xdr:cNvPr id="361" name="テキスト ボックス 360"/>
        <xdr:cNvSpPr txBox="1"/>
      </xdr:nvSpPr>
      <xdr:spPr>
        <a:xfrm>
          <a:off x="6705111" y="9335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54</xdr:rowOff>
    </xdr:from>
    <xdr:to>
      <xdr:col>55</xdr:col>
      <xdr:colOff>50800</xdr:colOff>
      <xdr:row>57</xdr:row>
      <xdr:rowOff>101854</xdr:rowOff>
    </xdr:to>
    <xdr:sp macro="" textlink="">
      <xdr:nvSpPr>
        <xdr:cNvPr id="367" name="楕円 366"/>
        <xdr:cNvSpPr/>
      </xdr:nvSpPr>
      <xdr:spPr>
        <a:xfrm>
          <a:off x="10426700" y="9772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0131</xdr:rowOff>
    </xdr:from>
    <xdr:ext cx="534377" cy="259045"/>
    <xdr:sp macro="" textlink="">
      <xdr:nvSpPr>
        <xdr:cNvPr id="368" name="普通建設事業費該当値テキスト"/>
        <xdr:cNvSpPr txBox="1"/>
      </xdr:nvSpPr>
      <xdr:spPr>
        <a:xfrm>
          <a:off x="10528300" y="9751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46025</xdr:rowOff>
    </xdr:from>
    <xdr:to>
      <xdr:col>50</xdr:col>
      <xdr:colOff>165100</xdr:colOff>
      <xdr:row>57</xdr:row>
      <xdr:rowOff>147625</xdr:rowOff>
    </xdr:to>
    <xdr:sp macro="" textlink="">
      <xdr:nvSpPr>
        <xdr:cNvPr id="369" name="楕円 368"/>
        <xdr:cNvSpPr/>
      </xdr:nvSpPr>
      <xdr:spPr>
        <a:xfrm>
          <a:off x="9588500" y="9818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38752</xdr:rowOff>
    </xdr:from>
    <xdr:ext cx="534377" cy="259045"/>
    <xdr:sp macro="" textlink="">
      <xdr:nvSpPr>
        <xdr:cNvPr id="370" name="テキスト ボックス 369"/>
        <xdr:cNvSpPr txBox="1"/>
      </xdr:nvSpPr>
      <xdr:spPr>
        <a:xfrm>
          <a:off x="9372111" y="9911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78905</xdr:rowOff>
    </xdr:from>
    <xdr:to>
      <xdr:col>46</xdr:col>
      <xdr:colOff>38100</xdr:colOff>
      <xdr:row>58</xdr:row>
      <xdr:rowOff>9055</xdr:rowOff>
    </xdr:to>
    <xdr:sp macro="" textlink="">
      <xdr:nvSpPr>
        <xdr:cNvPr id="371" name="楕円 370"/>
        <xdr:cNvSpPr/>
      </xdr:nvSpPr>
      <xdr:spPr>
        <a:xfrm>
          <a:off x="8699500" y="9851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82</xdr:rowOff>
    </xdr:from>
    <xdr:ext cx="534377" cy="259045"/>
    <xdr:sp macro="" textlink="">
      <xdr:nvSpPr>
        <xdr:cNvPr id="372" name="テキスト ボックス 371"/>
        <xdr:cNvSpPr txBox="1"/>
      </xdr:nvSpPr>
      <xdr:spPr>
        <a:xfrm>
          <a:off x="8483111" y="9944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64884</xdr:rowOff>
    </xdr:from>
    <xdr:to>
      <xdr:col>41</xdr:col>
      <xdr:colOff>101600</xdr:colOff>
      <xdr:row>55</xdr:row>
      <xdr:rowOff>166484</xdr:rowOff>
    </xdr:to>
    <xdr:sp macro="" textlink="">
      <xdr:nvSpPr>
        <xdr:cNvPr id="373" name="楕円 372"/>
        <xdr:cNvSpPr/>
      </xdr:nvSpPr>
      <xdr:spPr>
        <a:xfrm>
          <a:off x="7810500" y="9494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1561</xdr:rowOff>
    </xdr:from>
    <xdr:ext cx="534377" cy="259045"/>
    <xdr:sp macro="" textlink="">
      <xdr:nvSpPr>
        <xdr:cNvPr id="374" name="テキスト ボックス 373"/>
        <xdr:cNvSpPr txBox="1"/>
      </xdr:nvSpPr>
      <xdr:spPr>
        <a:xfrm>
          <a:off x="7594111" y="9269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7411</xdr:rowOff>
    </xdr:from>
    <xdr:to>
      <xdr:col>36</xdr:col>
      <xdr:colOff>165100</xdr:colOff>
      <xdr:row>56</xdr:row>
      <xdr:rowOff>119011</xdr:rowOff>
    </xdr:to>
    <xdr:sp macro="" textlink="">
      <xdr:nvSpPr>
        <xdr:cNvPr id="375" name="楕円 374"/>
        <xdr:cNvSpPr/>
      </xdr:nvSpPr>
      <xdr:spPr>
        <a:xfrm>
          <a:off x="6921500" y="961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10138</xdr:rowOff>
    </xdr:from>
    <xdr:ext cx="534377" cy="259045"/>
    <xdr:sp macro="" textlink="">
      <xdr:nvSpPr>
        <xdr:cNvPr id="376" name="テキスト ボックス 375"/>
        <xdr:cNvSpPr txBox="1"/>
      </xdr:nvSpPr>
      <xdr:spPr>
        <a:xfrm>
          <a:off x="6705111" y="9711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7" name="直線コネクタ 386"/>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8" name="テキスト ボックス 387"/>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9" name="直線コネクタ 388"/>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0" name="テキスト ボックス 389"/>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1" name="直線コネクタ 390"/>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2" name="テキスト ボックス 391"/>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3" name="直線コネクタ 392"/>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4" name="テキスト ボックス 393"/>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6" name="テキスト ボックス 395"/>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754</xdr:rowOff>
    </xdr:from>
    <xdr:to>
      <xdr:col>54</xdr:col>
      <xdr:colOff>189865</xdr:colOff>
      <xdr:row>78</xdr:row>
      <xdr:rowOff>139402</xdr:rowOff>
    </xdr:to>
    <xdr:cxnSp macro="">
      <xdr:nvCxnSpPr>
        <xdr:cNvPr id="398" name="直線コネクタ 397"/>
        <xdr:cNvCxnSpPr/>
      </xdr:nvCxnSpPr>
      <xdr:spPr>
        <a:xfrm flipV="1">
          <a:off x="10475595" y="12286704"/>
          <a:ext cx="1270" cy="1225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229</xdr:rowOff>
    </xdr:from>
    <xdr:ext cx="313932" cy="259045"/>
    <xdr:sp macro="" textlink="">
      <xdr:nvSpPr>
        <xdr:cNvPr id="399" name="普通建設事業費 （ うち新規整備　）最小値テキスト"/>
        <xdr:cNvSpPr txBox="1"/>
      </xdr:nvSpPr>
      <xdr:spPr>
        <a:xfrm>
          <a:off x="10528300" y="135163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402</xdr:rowOff>
    </xdr:from>
    <xdr:to>
      <xdr:col>55</xdr:col>
      <xdr:colOff>88900</xdr:colOff>
      <xdr:row>78</xdr:row>
      <xdr:rowOff>139402</xdr:rowOff>
    </xdr:to>
    <xdr:cxnSp macro="">
      <xdr:nvCxnSpPr>
        <xdr:cNvPr id="400" name="直線コネクタ 399"/>
        <xdr:cNvCxnSpPr/>
      </xdr:nvCxnSpPr>
      <xdr:spPr>
        <a:xfrm>
          <a:off x="10388600" y="13512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431</xdr:rowOff>
    </xdr:from>
    <xdr:ext cx="534377" cy="259045"/>
    <xdr:sp macro="" textlink="">
      <xdr:nvSpPr>
        <xdr:cNvPr id="401" name="普通建設事業費 （ うち新規整備　）最大値テキスト"/>
        <xdr:cNvSpPr txBox="1"/>
      </xdr:nvSpPr>
      <xdr:spPr>
        <a:xfrm>
          <a:off x="10528300" y="12061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3754</xdr:rowOff>
    </xdr:from>
    <xdr:to>
      <xdr:col>55</xdr:col>
      <xdr:colOff>88900</xdr:colOff>
      <xdr:row>71</xdr:row>
      <xdr:rowOff>113754</xdr:rowOff>
    </xdr:to>
    <xdr:cxnSp macro="">
      <xdr:nvCxnSpPr>
        <xdr:cNvPr id="402" name="直線コネクタ 401"/>
        <xdr:cNvCxnSpPr/>
      </xdr:nvCxnSpPr>
      <xdr:spPr>
        <a:xfrm>
          <a:off x="10388600" y="12286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6939</xdr:rowOff>
    </xdr:from>
    <xdr:to>
      <xdr:col>55</xdr:col>
      <xdr:colOff>0</xdr:colOff>
      <xdr:row>78</xdr:row>
      <xdr:rowOff>121458</xdr:rowOff>
    </xdr:to>
    <xdr:cxnSp macro="">
      <xdr:nvCxnSpPr>
        <xdr:cNvPr id="403" name="直線コネクタ 402"/>
        <xdr:cNvCxnSpPr/>
      </xdr:nvCxnSpPr>
      <xdr:spPr>
        <a:xfrm>
          <a:off x="9639300" y="13460039"/>
          <a:ext cx="838200" cy="34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22531</xdr:rowOff>
    </xdr:from>
    <xdr:ext cx="534377" cy="259045"/>
    <xdr:sp macro="" textlink="">
      <xdr:nvSpPr>
        <xdr:cNvPr id="404" name="普通建設事業費 （ うち新規整備　）平均値テキスト"/>
        <xdr:cNvSpPr txBox="1"/>
      </xdr:nvSpPr>
      <xdr:spPr>
        <a:xfrm>
          <a:off x="10528300" y="13052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71104</xdr:rowOff>
    </xdr:from>
    <xdr:to>
      <xdr:col>55</xdr:col>
      <xdr:colOff>50800</xdr:colOff>
      <xdr:row>77</xdr:row>
      <xdr:rowOff>101254</xdr:rowOff>
    </xdr:to>
    <xdr:sp macro="" textlink="">
      <xdr:nvSpPr>
        <xdr:cNvPr id="405" name="フローチャート: 判断 404"/>
        <xdr:cNvSpPr/>
      </xdr:nvSpPr>
      <xdr:spPr>
        <a:xfrm>
          <a:off x="10426700" y="13201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6939</xdr:rowOff>
    </xdr:from>
    <xdr:to>
      <xdr:col>50</xdr:col>
      <xdr:colOff>114300</xdr:colOff>
      <xdr:row>78</xdr:row>
      <xdr:rowOff>122166</xdr:rowOff>
    </xdr:to>
    <xdr:cxnSp macro="">
      <xdr:nvCxnSpPr>
        <xdr:cNvPr id="406" name="直線コネクタ 405"/>
        <xdr:cNvCxnSpPr/>
      </xdr:nvCxnSpPr>
      <xdr:spPr>
        <a:xfrm flipV="1">
          <a:off x="8750300" y="13460039"/>
          <a:ext cx="889000" cy="35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788</xdr:rowOff>
    </xdr:from>
    <xdr:to>
      <xdr:col>50</xdr:col>
      <xdr:colOff>165100</xdr:colOff>
      <xdr:row>77</xdr:row>
      <xdr:rowOff>116388</xdr:rowOff>
    </xdr:to>
    <xdr:sp macro="" textlink="">
      <xdr:nvSpPr>
        <xdr:cNvPr id="407" name="フローチャート: 判断 406"/>
        <xdr:cNvSpPr/>
      </xdr:nvSpPr>
      <xdr:spPr>
        <a:xfrm>
          <a:off x="9588500" y="13216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2915</xdr:rowOff>
    </xdr:from>
    <xdr:ext cx="534377" cy="259045"/>
    <xdr:sp macro="" textlink="">
      <xdr:nvSpPr>
        <xdr:cNvPr id="408" name="テキスト ボックス 407"/>
        <xdr:cNvSpPr txBox="1"/>
      </xdr:nvSpPr>
      <xdr:spPr>
        <a:xfrm>
          <a:off x="9372111" y="1299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47678</xdr:rowOff>
    </xdr:from>
    <xdr:to>
      <xdr:col>45</xdr:col>
      <xdr:colOff>177800</xdr:colOff>
      <xdr:row>78</xdr:row>
      <xdr:rowOff>122166</xdr:rowOff>
    </xdr:to>
    <xdr:cxnSp macro="">
      <xdr:nvCxnSpPr>
        <xdr:cNvPr id="409" name="直線コネクタ 408"/>
        <xdr:cNvCxnSpPr/>
      </xdr:nvCxnSpPr>
      <xdr:spPr>
        <a:xfrm>
          <a:off x="7861300" y="13006428"/>
          <a:ext cx="889000" cy="488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4412</xdr:rowOff>
    </xdr:from>
    <xdr:to>
      <xdr:col>46</xdr:col>
      <xdr:colOff>38100</xdr:colOff>
      <xdr:row>77</xdr:row>
      <xdr:rowOff>44562</xdr:rowOff>
    </xdr:to>
    <xdr:sp macro="" textlink="">
      <xdr:nvSpPr>
        <xdr:cNvPr id="410" name="フローチャート: 判断 409"/>
        <xdr:cNvSpPr/>
      </xdr:nvSpPr>
      <xdr:spPr>
        <a:xfrm>
          <a:off x="8699500" y="1314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61089</xdr:rowOff>
    </xdr:from>
    <xdr:ext cx="534377" cy="259045"/>
    <xdr:sp macro="" textlink="">
      <xdr:nvSpPr>
        <xdr:cNvPr id="411" name="テキスト ボックス 410"/>
        <xdr:cNvSpPr txBox="1"/>
      </xdr:nvSpPr>
      <xdr:spPr>
        <a:xfrm>
          <a:off x="8483111" y="1291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47678</xdr:rowOff>
    </xdr:from>
    <xdr:to>
      <xdr:col>41</xdr:col>
      <xdr:colOff>50800</xdr:colOff>
      <xdr:row>76</xdr:row>
      <xdr:rowOff>170538</xdr:rowOff>
    </xdr:to>
    <xdr:cxnSp macro="">
      <xdr:nvCxnSpPr>
        <xdr:cNvPr id="412" name="直線コネクタ 411"/>
        <xdr:cNvCxnSpPr/>
      </xdr:nvCxnSpPr>
      <xdr:spPr>
        <a:xfrm flipV="1">
          <a:off x="6972300" y="13006428"/>
          <a:ext cx="889000" cy="194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59606</xdr:rowOff>
    </xdr:from>
    <xdr:to>
      <xdr:col>41</xdr:col>
      <xdr:colOff>101600</xdr:colOff>
      <xdr:row>77</xdr:row>
      <xdr:rowOff>89756</xdr:rowOff>
    </xdr:to>
    <xdr:sp macro="" textlink="">
      <xdr:nvSpPr>
        <xdr:cNvPr id="413" name="フローチャート: 判断 412"/>
        <xdr:cNvSpPr/>
      </xdr:nvSpPr>
      <xdr:spPr>
        <a:xfrm>
          <a:off x="7810500" y="13189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80883</xdr:rowOff>
    </xdr:from>
    <xdr:ext cx="534377" cy="259045"/>
    <xdr:sp macro="" textlink="">
      <xdr:nvSpPr>
        <xdr:cNvPr id="414" name="テキスト ボックス 413"/>
        <xdr:cNvSpPr txBox="1"/>
      </xdr:nvSpPr>
      <xdr:spPr>
        <a:xfrm>
          <a:off x="7594111" y="13282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114</xdr:rowOff>
    </xdr:from>
    <xdr:to>
      <xdr:col>36</xdr:col>
      <xdr:colOff>165100</xdr:colOff>
      <xdr:row>77</xdr:row>
      <xdr:rowOff>113714</xdr:rowOff>
    </xdr:to>
    <xdr:sp macro="" textlink="">
      <xdr:nvSpPr>
        <xdr:cNvPr id="415" name="フローチャート: 判断 414"/>
        <xdr:cNvSpPr/>
      </xdr:nvSpPr>
      <xdr:spPr>
        <a:xfrm>
          <a:off x="6921500" y="13213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04841</xdr:rowOff>
    </xdr:from>
    <xdr:ext cx="534377" cy="259045"/>
    <xdr:sp macro="" textlink="">
      <xdr:nvSpPr>
        <xdr:cNvPr id="416" name="テキスト ボックス 415"/>
        <xdr:cNvSpPr txBox="1"/>
      </xdr:nvSpPr>
      <xdr:spPr>
        <a:xfrm>
          <a:off x="6705111" y="1330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0658</xdr:rowOff>
    </xdr:from>
    <xdr:to>
      <xdr:col>55</xdr:col>
      <xdr:colOff>50800</xdr:colOff>
      <xdr:row>79</xdr:row>
      <xdr:rowOff>808</xdr:rowOff>
    </xdr:to>
    <xdr:sp macro="" textlink="">
      <xdr:nvSpPr>
        <xdr:cNvPr id="422" name="楕円 421"/>
        <xdr:cNvSpPr/>
      </xdr:nvSpPr>
      <xdr:spPr>
        <a:xfrm>
          <a:off x="10426700" y="13443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7035</xdr:rowOff>
    </xdr:from>
    <xdr:ext cx="378565" cy="259045"/>
    <xdr:sp macro="" textlink="">
      <xdr:nvSpPr>
        <xdr:cNvPr id="423" name="普通建設事業費 （ うち新規整備　）該当値テキスト"/>
        <xdr:cNvSpPr txBox="1"/>
      </xdr:nvSpPr>
      <xdr:spPr>
        <a:xfrm>
          <a:off x="10528300" y="133586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6139</xdr:rowOff>
    </xdr:from>
    <xdr:to>
      <xdr:col>50</xdr:col>
      <xdr:colOff>165100</xdr:colOff>
      <xdr:row>78</xdr:row>
      <xdr:rowOff>137739</xdr:rowOff>
    </xdr:to>
    <xdr:sp macro="" textlink="">
      <xdr:nvSpPr>
        <xdr:cNvPr id="424" name="楕円 423"/>
        <xdr:cNvSpPr/>
      </xdr:nvSpPr>
      <xdr:spPr>
        <a:xfrm>
          <a:off x="9588500" y="13409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28866</xdr:rowOff>
    </xdr:from>
    <xdr:ext cx="469744" cy="259045"/>
    <xdr:sp macro="" textlink="">
      <xdr:nvSpPr>
        <xdr:cNvPr id="425" name="テキスト ボックス 424"/>
        <xdr:cNvSpPr txBox="1"/>
      </xdr:nvSpPr>
      <xdr:spPr>
        <a:xfrm>
          <a:off x="9404428" y="1350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71366</xdr:rowOff>
    </xdr:from>
    <xdr:to>
      <xdr:col>46</xdr:col>
      <xdr:colOff>38100</xdr:colOff>
      <xdr:row>79</xdr:row>
      <xdr:rowOff>1516</xdr:rowOff>
    </xdr:to>
    <xdr:sp macro="" textlink="">
      <xdr:nvSpPr>
        <xdr:cNvPr id="426" name="楕円 425"/>
        <xdr:cNvSpPr/>
      </xdr:nvSpPr>
      <xdr:spPr>
        <a:xfrm>
          <a:off x="8699500" y="13444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8</xdr:row>
      <xdr:rowOff>164093</xdr:rowOff>
    </xdr:from>
    <xdr:ext cx="378565" cy="259045"/>
    <xdr:sp macro="" textlink="">
      <xdr:nvSpPr>
        <xdr:cNvPr id="427" name="テキスト ボックス 426"/>
        <xdr:cNvSpPr txBox="1"/>
      </xdr:nvSpPr>
      <xdr:spPr>
        <a:xfrm>
          <a:off x="8561017" y="1353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96878</xdr:rowOff>
    </xdr:from>
    <xdr:to>
      <xdr:col>41</xdr:col>
      <xdr:colOff>101600</xdr:colOff>
      <xdr:row>76</xdr:row>
      <xdr:rowOff>27028</xdr:rowOff>
    </xdr:to>
    <xdr:sp macro="" textlink="">
      <xdr:nvSpPr>
        <xdr:cNvPr id="428" name="楕円 427"/>
        <xdr:cNvSpPr/>
      </xdr:nvSpPr>
      <xdr:spPr>
        <a:xfrm>
          <a:off x="7810500" y="12955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43555</xdr:rowOff>
    </xdr:from>
    <xdr:ext cx="534377" cy="259045"/>
    <xdr:sp macro="" textlink="">
      <xdr:nvSpPr>
        <xdr:cNvPr id="429" name="テキスト ボックス 428"/>
        <xdr:cNvSpPr txBox="1"/>
      </xdr:nvSpPr>
      <xdr:spPr>
        <a:xfrm>
          <a:off x="7594111" y="12730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9738</xdr:rowOff>
    </xdr:from>
    <xdr:to>
      <xdr:col>36</xdr:col>
      <xdr:colOff>165100</xdr:colOff>
      <xdr:row>77</xdr:row>
      <xdr:rowOff>49888</xdr:rowOff>
    </xdr:to>
    <xdr:sp macro="" textlink="">
      <xdr:nvSpPr>
        <xdr:cNvPr id="430" name="楕円 429"/>
        <xdr:cNvSpPr/>
      </xdr:nvSpPr>
      <xdr:spPr>
        <a:xfrm>
          <a:off x="6921500" y="13149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66415</xdr:rowOff>
    </xdr:from>
    <xdr:ext cx="534377" cy="259045"/>
    <xdr:sp macro="" textlink="">
      <xdr:nvSpPr>
        <xdr:cNvPr id="431" name="テキスト ボックス 430"/>
        <xdr:cNvSpPr txBox="1"/>
      </xdr:nvSpPr>
      <xdr:spPr>
        <a:xfrm>
          <a:off x="6705111" y="12925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7" name="テキスト ボックス 446"/>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9" name="テキスト ボックス 448"/>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1" name="テキスト ボックス 450"/>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8572</xdr:rowOff>
    </xdr:from>
    <xdr:to>
      <xdr:col>54</xdr:col>
      <xdr:colOff>189865</xdr:colOff>
      <xdr:row>98</xdr:row>
      <xdr:rowOff>40396</xdr:rowOff>
    </xdr:to>
    <xdr:cxnSp macro="">
      <xdr:nvCxnSpPr>
        <xdr:cNvPr id="453" name="直線コネクタ 452"/>
        <xdr:cNvCxnSpPr/>
      </xdr:nvCxnSpPr>
      <xdr:spPr>
        <a:xfrm flipV="1">
          <a:off x="10475595" y="15509072"/>
          <a:ext cx="1270" cy="1333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4223</xdr:rowOff>
    </xdr:from>
    <xdr:ext cx="469744" cy="259045"/>
    <xdr:sp macro="" textlink="">
      <xdr:nvSpPr>
        <xdr:cNvPr id="454" name="普通建設事業費 （ うち更新整備　）最小値テキスト"/>
        <xdr:cNvSpPr txBox="1"/>
      </xdr:nvSpPr>
      <xdr:spPr>
        <a:xfrm>
          <a:off x="10528300" y="16846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0396</xdr:rowOff>
    </xdr:from>
    <xdr:to>
      <xdr:col>55</xdr:col>
      <xdr:colOff>88900</xdr:colOff>
      <xdr:row>98</xdr:row>
      <xdr:rowOff>40396</xdr:rowOff>
    </xdr:to>
    <xdr:cxnSp macro="">
      <xdr:nvCxnSpPr>
        <xdr:cNvPr id="455" name="直線コネクタ 454"/>
        <xdr:cNvCxnSpPr/>
      </xdr:nvCxnSpPr>
      <xdr:spPr>
        <a:xfrm>
          <a:off x="10388600" y="16842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5249</xdr:rowOff>
    </xdr:from>
    <xdr:ext cx="534377" cy="259045"/>
    <xdr:sp macro="" textlink="">
      <xdr:nvSpPr>
        <xdr:cNvPr id="456" name="普通建設事業費 （ うち更新整備　）最大値テキスト"/>
        <xdr:cNvSpPr txBox="1"/>
      </xdr:nvSpPr>
      <xdr:spPr>
        <a:xfrm>
          <a:off x="10528300" y="1528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8572</xdr:rowOff>
    </xdr:from>
    <xdr:to>
      <xdr:col>55</xdr:col>
      <xdr:colOff>88900</xdr:colOff>
      <xdr:row>90</xdr:row>
      <xdr:rowOff>78572</xdr:rowOff>
    </xdr:to>
    <xdr:cxnSp macro="">
      <xdr:nvCxnSpPr>
        <xdr:cNvPr id="457" name="直線コネクタ 456"/>
        <xdr:cNvCxnSpPr/>
      </xdr:nvCxnSpPr>
      <xdr:spPr>
        <a:xfrm>
          <a:off x="10388600" y="15509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42270</xdr:rowOff>
    </xdr:from>
    <xdr:to>
      <xdr:col>55</xdr:col>
      <xdr:colOff>0</xdr:colOff>
      <xdr:row>96</xdr:row>
      <xdr:rowOff>90643</xdr:rowOff>
    </xdr:to>
    <xdr:cxnSp macro="">
      <xdr:nvCxnSpPr>
        <xdr:cNvPr id="458" name="直線コネクタ 457"/>
        <xdr:cNvCxnSpPr/>
      </xdr:nvCxnSpPr>
      <xdr:spPr>
        <a:xfrm flipV="1">
          <a:off x="9639300" y="16501470"/>
          <a:ext cx="838200" cy="48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22041</xdr:rowOff>
    </xdr:from>
    <xdr:ext cx="534377" cy="259045"/>
    <xdr:sp macro="" textlink="">
      <xdr:nvSpPr>
        <xdr:cNvPr id="459" name="普通建設事業費 （ うち更新整備　）平均値テキスト"/>
        <xdr:cNvSpPr txBox="1"/>
      </xdr:nvSpPr>
      <xdr:spPr>
        <a:xfrm>
          <a:off x="10528300" y="16238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9164</xdr:rowOff>
    </xdr:from>
    <xdr:to>
      <xdr:col>55</xdr:col>
      <xdr:colOff>50800</xdr:colOff>
      <xdr:row>96</xdr:row>
      <xdr:rowOff>29314</xdr:rowOff>
    </xdr:to>
    <xdr:sp macro="" textlink="">
      <xdr:nvSpPr>
        <xdr:cNvPr id="460" name="フローチャート: 判断 459"/>
        <xdr:cNvSpPr/>
      </xdr:nvSpPr>
      <xdr:spPr>
        <a:xfrm>
          <a:off x="10426700" y="16386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90643</xdr:rowOff>
    </xdr:from>
    <xdr:to>
      <xdr:col>50</xdr:col>
      <xdr:colOff>114300</xdr:colOff>
      <xdr:row>96</xdr:row>
      <xdr:rowOff>114074</xdr:rowOff>
    </xdr:to>
    <xdr:cxnSp macro="">
      <xdr:nvCxnSpPr>
        <xdr:cNvPr id="461" name="直線コネクタ 460"/>
        <xdr:cNvCxnSpPr/>
      </xdr:nvCxnSpPr>
      <xdr:spPr>
        <a:xfrm flipV="1">
          <a:off x="8750300" y="16549843"/>
          <a:ext cx="889000" cy="23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2224</xdr:rowOff>
    </xdr:from>
    <xdr:to>
      <xdr:col>50</xdr:col>
      <xdr:colOff>165100</xdr:colOff>
      <xdr:row>96</xdr:row>
      <xdr:rowOff>12374</xdr:rowOff>
    </xdr:to>
    <xdr:sp macro="" textlink="">
      <xdr:nvSpPr>
        <xdr:cNvPr id="462" name="フローチャート: 判断 461"/>
        <xdr:cNvSpPr/>
      </xdr:nvSpPr>
      <xdr:spPr>
        <a:xfrm>
          <a:off x="95885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8901</xdr:rowOff>
    </xdr:from>
    <xdr:ext cx="534377" cy="259045"/>
    <xdr:sp macro="" textlink="">
      <xdr:nvSpPr>
        <xdr:cNvPr id="463" name="テキスト ボックス 462"/>
        <xdr:cNvSpPr txBox="1"/>
      </xdr:nvSpPr>
      <xdr:spPr>
        <a:xfrm>
          <a:off x="9372111" y="16145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36683</xdr:rowOff>
    </xdr:from>
    <xdr:to>
      <xdr:col>45</xdr:col>
      <xdr:colOff>177800</xdr:colOff>
      <xdr:row>96</xdr:row>
      <xdr:rowOff>114074</xdr:rowOff>
    </xdr:to>
    <xdr:cxnSp macro="">
      <xdr:nvCxnSpPr>
        <xdr:cNvPr id="464" name="直線コネクタ 463"/>
        <xdr:cNvCxnSpPr/>
      </xdr:nvCxnSpPr>
      <xdr:spPr>
        <a:xfrm>
          <a:off x="7861300" y="16424433"/>
          <a:ext cx="889000" cy="148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9850</xdr:rowOff>
    </xdr:from>
    <xdr:to>
      <xdr:col>46</xdr:col>
      <xdr:colOff>38100</xdr:colOff>
      <xdr:row>96</xdr:row>
      <xdr:rowOff>30000</xdr:rowOff>
    </xdr:to>
    <xdr:sp macro="" textlink="">
      <xdr:nvSpPr>
        <xdr:cNvPr id="465" name="フローチャート: 判断 464"/>
        <xdr:cNvSpPr/>
      </xdr:nvSpPr>
      <xdr:spPr>
        <a:xfrm>
          <a:off x="8699500" y="16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46527</xdr:rowOff>
    </xdr:from>
    <xdr:ext cx="534377" cy="259045"/>
    <xdr:sp macro="" textlink="">
      <xdr:nvSpPr>
        <xdr:cNvPr id="466" name="テキスト ボックス 465"/>
        <xdr:cNvSpPr txBox="1"/>
      </xdr:nvSpPr>
      <xdr:spPr>
        <a:xfrm>
          <a:off x="8483111" y="1616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36683</xdr:rowOff>
    </xdr:from>
    <xdr:to>
      <xdr:col>41</xdr:col>
      <xdr:colOff>50800</xdr:colOff>
      <xdr:row>95</xdr:row>
      <xdr:rowOff>157462</xdr:rowOff>
    </xdr:to>
    <xdr:cxnSp macro="">
      <xdr:nvCxnSpPr>
        <xdr:cNvPr id="467" name="直線コネクタ 466"/>
        <xdr:cNvCxnSpPr/>
      </xdr:nvCxnSpPr>
      <xdr:spPr>
        <a:xfrm flipV="1">
          <a:off x="6972300" y="16424433"/>
          <a:ext cx="889000" cy="20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18252</xdr:rowOff>
    </xdr:from>
    <xdr:to>
      <xdr:col>41</xdr:col>
      <xdr:colOff>101600</xdr:colOff>
      <xdr:row>96</xdr:row>
      <xdr:rowOff>48402</xdr:rowOff>
    </xdr:to>
    <xdr:sp macro="" textlink="">
      <xdr:nvSpPr>
        <xdr:cNvPr id="468" name="フローチャート: 判断 467"/>
        <xdr:cNvSpPr/>
      </xdr:nvSpPr>
      <xdr:spPr>
        <a:xfrm>
          <a:off x="7810500" y="16406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9529</xdr:rowOff>
    </xdr:from>
    <xdr:ext cx="534377" cy="259045"/>
    <xdr:sp macro="" textlink="">
      <xdr:nvSpPr>
        <xdr:cNvPr id="469" name="テキスト ボックス 468"/>
        <xdr:cNvSpPr txBox="1"/>
      </xdr:nvSpPr>
      <xdr:spPr>
        <a:xfrm>
          <a:off x="7594111" y="16498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2055</xdr:rowOff>
    </xdr:from>
    <xdr:to>
      <xdr:col>36</xdr:col>
      <xdr:colOff>165100</xdr:colOff>
      <xdr:row>96</xdr:row>
      <xdr:rowOff>22205</xdr:rowOff>
    </xdr:to>
    <xdr:sp macro="" textlink="">
      <xdr:nvSpPr>
        <xdr:cNvPr id="470" name="フローチャート: 判断 469"/>
        <xdr:cNvSpPr/>
      </xdr:nvSpPr>
      <xdr:spPr>
        <a:xfrm>
          <a:off x="6921500" y="1637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8732</xdr:rowOff>
    </xdr:from>
    <xdr:ext cx="534377" cy="259045"/>
    <xdr:sp macro="" textlink="">
      <xdr:nvSpPr>
        <xdr:cNvPr id="471" name="テキスト ボックス 470"/>
        <xdr:cNvSpPr txBox="1"/>
      </xdr:nvSpPr>
      <xdr:spPr>
        <a:xfrm>
          <a:off x="6705111" y="1615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62920</xdr:rowOff>
    </xdr:from>
    <xdr:to>
      <xdr:col>55</xdr:col>
      <xdr:colOff>50800</xdr:colOff>
      <xdr:row>96</xdr:row>
      <xdr:rowOff>93070</xdr:rowOff>
    </xdr:to>
    <xdr:sp macro="" textlink="">
      <xdr:nvSpPr>
        <xdr:cNvPr id="477" name="楕円 476"/>
        <xdr:cNvSpPr/>
      </xdr:nvSpPr>
      <xdr:spPr>
        <a:xfrm>
          <a:off x="10426700" y="16450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41347</xdr:rowOff>
    </xdr:from>
    <xdr:ext cx="534377" cy="259045"/>
    <xdr:sp macro="" textlink="">
      <xdr:nvSpPr>
        <xdr:cNvPr id="478" name="普通建設事業費 （ うち更新整備　）該当値テキスト"/>
        <xdr:cNvSpPr txBox="1"/>
      </xdr:nvSpPr>
      <xdr:spPr>
        <a:xfrm>
          <a:off x="10528300" y="16429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39843</xdr:rowOff>
    </xdr:from>
    <xdr:to>
      <xdr:col>50</xdr:col>
      <xdr:colOff>165100</xdr:colOff>
      <xdr:row>96</xdr:row>
      <xdr:rowOff>141443</xdr:rowOff>
    </xdr:to>
    <xdr:sp macro="" textlink="">
      <xdr:nvSpPr>
        <xdr:cNvPr id="479" name="楕円 478"/>
        <xdr:cNvSpPr/>
      </xdr:nvSpPr>
      <xdr:spPr>
        <a:xfrm>
          <a:off x="9588500" y="1649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32570</xdr:rowOff>
    </xdr:from>
    <xdr:ext cx="534377" cy="259045"/>
    <xdr:sp macro="" textlink="">
      <xdr:nvSpPr>
        <xdr:cNvPr id="480" name="テキスト ボックス 479"/>
        <xdr:cNvSpPr txBox="1"/>
      </xdr:nvSpPr>
      <xdr:spPr>
        <a:xfrm>
          <a:off x="9372111" y="1659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63274</xdr:rowOff>
    </xdr:from>
    <xdr:to>
      <xdr:col>46</xdr:col>
      <xdr:colOff>38100</xdr:colOff>
      <xdr:row>96</xdr:row>
      <xdr:rowOff>164874</xdr:rowOff>
    </xdr:to>
    <xdr:sp macro="" textlink="">
      <xdr:nvSpPr>
        <xdr:cNvPr id="481" name="楕円 480"/>
        <xdr:cNvSpPr/>
      </xdr:nvSpPr>
      <xdr:spPr>
        <a:xfrm>
          <a:off x="8699500" y="1652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56001</xdr:rowOff>
    </xdr:from>
    <xdr:ext cx="534377" cy="259045"/>
    <xdr:sp macro="" textlink="">
      <xdr:nvSpPr>
        <xdr:cNvPr id="482" name="テキスト ボックス 481"/>
        <xdr:cNvSpPr txBox="1"/>
      </xdr:nvSpPr>
      <xdr:spPr>
        <a:xfrm>
          <a:off x="8483111" y="16615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85883</xdr:rowOff>
    </xdr:from>
    <xdr:to>
      <xdr:col>41</xdr:col>
      <xdr:colOff>101600</xdr:colOff>
      <xdr:row>96</xdr:row>
      <xdr:rowOff>16033</xdr:rowOff>
    </xdr:to>
    <xdr:sp macro="" textlink="">
      <xdr:nvSpPr>
        <xdr:cNvPr id="483" name="楕円 482"/>
        <xdr:cNvSpPr/>
      </xdr:nvSpPr>
      <xdr:spPr>
        <a:xfrm>
          <a:off x="7810500" y="16373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2560</xdr:rowOff>
    </xdr:from>
    <xdr:ext cx="534377" cy="259045"/>
    <xdr:sp macro="" textlink="">
      <xdr:nvSpPr>
        <xdr:cNvPr id="484" name="テキスト ボックス 483"/>
        <xdr:cNvSpPr txBox="1"/>
      </xdr:nvSpPr>
      <xdr:spPr>
        <a:xfrm>
          <a:off x="7594111" y="16148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06662</xdr:rowOff>
    </xdr:from>
    <xdr:to>
      <xdr:col>36</xdr:col>
      <xdr:colOff>165100</xdr:colOff>
      <xdr:row>96</xdr:row>
      <xdr:rowOff>36812</xdr:rowOff>
    </xdr:to>
    <xdr:sp macro="" textlink="">
      <xdr:nvSpPr>
        <xdr:cNvPr id="485" name="楕円 484"/>
        <xdr:cNvSpPr/>
      </xdr:nvSpPr>
      <xdr:spPr>
        <a:xfrm>
          <a:off x="6921500" y="16394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27939</xdr:rowOff>
    </xdr:from>
    <xdr:ext cx="534377" cy="259045"/>
    <xdr:sp macro="" textlink="">
      <xdr:nvSpPr>
        <xdr:cNvPr id="486" name="テキスト ボックス 485"/>
        <xdr:cNvSpPr txBox="1"/>
      </xdr:nvSpPr>
      <xdr:spPr>
        <a:xfrm>
          <a:off x="6705111" y="16487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2" name="テキスト ボックス 501"/>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4" name="テキスト ボックス 503"/>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8006</xdr:rowOff>
    </xdr:from>
    <xdr:to>
      <xdr:col>85</xdr:col>
      <xdr:colOff>126364</xdr:colOff>
      <xdr:row>39</xdr:row>
      <xdr:rowOff>44450</xdr:rowOff>
    </xdr:to>
    <xdr:cxnSp macro="">
      <xdr:nvCxnSpPr>
        <xdr:cNvPr id="510" name="直線コネクタ 509"/>
        <xdr:cNvCxnSpPr/>
      </xdr:nvCxnSpPr>
      <xdr:spPr>
        <a:xfrm flipV="1">
          <a:off x="16317595" y="5362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6133</xdr:rowOff>
    </xdr:from>
    <xdr:ext cx="534377" cy="259045"/>
    <xdr:sp macro="" textlink="">
      <xdr:nvSpPr>
        <xdr:cNvPr id="513" name="災害復旧事業費最大値テキスト"/>
        <xdr:cNvSpPr txBox="1"/>
      </xdr:nvSpPr>
      <xdr:spPr>
        <a:xfrm>
          <a:off x="16370300" y="5138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8006</xdr:rowOff>
    </xdr:from>
    <xdr:to>
      <xdr:col>86</xdr:col>
      <xdr:colOff>25400</xdr:colOff>
      <xdr:row>31</xdr:row>
      <xdr:rowOff>48006</xdr:rowOff>
    </xdr:to>
    <xdr:cxnSp macro="">
      <xdr:nvCxnSpPr>
        <xdr:cNvPr id="514" name="直線コネクタ 513"/>
        <xdr:cNvCxnSpPr/>
      </xdr:nvCxnSpPr>
      <xdr:spPr>
        <a:xfrm>
          <a:off x="16230600" y="5362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5" name="直線コネクタ 514"/>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8823</xdr:rowOff>
    </xdr:from>
    <xdr:ext cx="378565" cy="259045"/>
    <xdr:sp macro="" textlink="">
      <xdr:nvSpPr>
        <xdr:cNvPr id="516" name="災害復旧事業費平均値テキスト"/>
        <xdr:cNvSpPr txBox="1"/>
      </xdr:nvSpPr>
      <xdr:spPr>
        <a:xfrm>
          <a:off x="16370300" y="6442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946</xdr:rowOff>
    </xdr:from>
    <xdr:to>
      <xdr:col>85</xdr:col>
      <xdr:colOff>177800</xdr:colOff>
      <xdr:row>39</xdr:row>
      <xdr:rowOff>6096</xdr:rowOff>
    </xdr:to>
    <xdr:sp macro="" textlink="">
      <xdr:nvSpPr>
        <xdr:cNvPr id="517" name="フローチャート: 判断 516"/>
        <xdr:cNvSpPr/>
      </xdr:nvSpPr>
      <xdr:spPr>
        <a:xfrm>
          <a:off x="16268700" y="6591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40335</xdr:rowOff>
    </xdr:from>
    <xdr:to>
      <xdr:col>81</xdr:col>
      <xdr:colOff>50800</xdr:colOff>
      <xdr:row>39</xdr:row>
      <xdr:rowOff>44450</xdr:rowOff>
    </xdr:to>
    <xdr:cxnSp macro="">
      <xdr:nvCxnSpPr>
        <xdr:cNvPr id="518" name="直線コネクタ 517"/>
        <xdr:cNvCxnSpPr/>
      </xdr:nvCxnSpPr>
      <xdr:spPr>
        <a:xfrm>
          <a:off x="14592300" y="6655435"/>
          <a:ext cx="889000" cy="75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5692</xdr:rowOff>
    </xdr:from>
    <xdr:to>
      <xdr:col>81</xdr:col>
      <xdr:colOff>101600</xdr:colOff>
      <xdr:row>39</xdr:row>
      <xdr:rowOff>5842</xdr:rowOff>
    </xdr:to>
    <xdr:sp macro="" textlink="">
      <xdr:nvSpPr>
        <xdr:cNvPr id="519" name="フローチャート: 判断 518"/>
        <xdr:cNvSpPr/>
      </xdr:nvSpPr>
      <xdr:spPr>
        <a:xfrm>
          <a:off x="15430500" y="659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2369</xdr:rowOff>
    </xdr:from>
    <xdr:ext cx="378565" cy="259045"/>
    <xdr:sp macro="" textlink="">
      <xdr:nvSpPr>
        <xdr:cNvPr id="520" name="テキスト ボックス 519"/>
        <xdr:cNvSpPr txBox="1"/>
      </xdr:nvSpPr>
      <xdr:spPr>
        <a:xfrm>
          <a:off x="15292017" y="6366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40335</xdr:rowOff>
    </xdr:from>
    <xdr:to>
      <xdr:col>76</xdr:col>
      <xdr:colOff>114300</xdr:colOff>
      <xdr:row>38</xdr:row>
      <xdr:rowOff>161671</xdr:rowOff>
    </xdr:to>
    <xdr:cxnSp macro="">
      <xdr:nvCxnSpPr>
        <xdr:cNvPr id="521" name="直線コネクタ 520"/>
        <xdr:cNvCxnSpPr/>
      </xdr:nvCxnSpPr>
      <xdr:spPr>
        <a:xfrm flipV="1">
          <a:off x="13703300" y="6655435"/>
          <a:ext cx="8890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3528</xdr:rowOff>
    </xdr:from>
    <xdr:to>
      <xdr:col>76</xdr:col>
      <xdr:colOff>165100</xdr:colOff>
      <xdr:row>38</xdr:row>
      <xdr:rowOff>135128</xdr:rowOff>
    </xdr:to>
    <xdr:sp macro="" textlink="">
      <xdr:nvSpPr>
        <xdr:cNvPr id="522" name="フローチャート: 判断 521"/>
        <xdr:cNvSpPr/>
      </xdr:nvSpPr>
      <xdr:spPr>
        <a:xfrm>
          <a:off x="14541500" y="6548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51655</xdr:rowOff>
    </xdr:from>
    <xdr:ext cx="469744" cy="259045"/>
    <xdr:sp macro="" textlink="">
      <xdr:nvSpPr>
        <xdr:cNvPr id="523" name="テキスト ボックス 522"/>
        <xdr:cNvSpPr txBox="1"/>
      </xdr:nvSpPr>
      <xdr:spPr>
        <a:xfrm>
          <a:off x="14357428" y="632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25730</xdr:rowOff>
    </xdr:from>
    <xdr:to>
      <xdr:col>71</xdr:col>
      <xdr:colOff>177800</xdr:colOff>
      <xdr:row>38</xdr:row>
      <xdr:rowOff>161671</xdr:rowOff>
    </xdr:to>
    <xdr:cxnSp macro="">
      <xdr:nvCxnSpPr>
        <xdr:cNvPr id="524" name="直線コネクタ 523"/>
        <xdr:cNvCxnSpPr/>
      </xdr:nvCxnSpPr>
      <xdr:spPr>
        <a:xfrm>
          <a:off x="12814300" y="6640830"/>
          <a:ext cx="889000" cy="35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715</xdr:rowOff>
    </xdr:from>
    <xdr:to>
      <xdr:col>72</xdr:col>
      <xdr:colOff>38100</xdr:colOff>
      <xdr:row>38</xdr:row>
      <xdr:rowOff>107315</xdr:rowOff>
    </xdr:to>
    <xdr:sp macro="" textlink="">
      <xdr:nvSpPr>
        <xdr:cNvPr id="525" name="フローチャート: 判断 524"/>
        <xdr:cNvSpPr/>
      </xdr:nvSpPr>
      <xdr:spPr>
        <a:xfrm>
          <a:off x="13652500" y="652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23842</xdr:rowOff>
    </xdr:from>
    <xdr:ext cx="469744" cy="259045"/>
    <xdr:sp macro="" textlink="">
      <xdr:nvSpPr>
        <xdr:cNvPr id="526" name="テキスト ボックス 525"/>
        <xdr:cNvSpPr txBox="1"/>
      </xdr:nvSpPr>
      <xdr:spPr>
        <a:xfrm>
          <a:off x="13468428" y="629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7734</xdr:rowOff>
    </xdr:from>
    <xdr:to>
      <xdr:col>67</xdr:col>
      <xdr:colOff>101600</xdr:colOff>
      <xdr:row>38</xdr:row>
      <xdr:rowOff>87885</xdr:rowOff>
    </xdr:to>
    <xdr:sp macro="" textlink="">
      <xdr:nvSpPr>
        <xdr:cNvPr id="527" name="フローチャート: 判断 526"/>
        <xdr:cNvSpPr/>
      </xdr:nvSpPr>
      <xdr:spPr>
        <a:xfrm>
          <a:off x="12763500" y="65013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4411</xdr:rowOff>
    </xdr:from>
    <xdr:ext cx="469744" cy="259045"/>
    <xdr:sp macro="" textlink="">
      <xdr:nvSpPr>
        <xdr:cNvPr id="528" name="テキスト ボックス 527"/>
        <xdr:cNvSpPr txBox="1"/>
      </xdr:nvSpPr>
      <xdr:spPr>
        <a:xfrm>
          <a:off x="12579428" y="627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4" name="楕円 533"/>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5"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6" name="楕円 535"/>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7" name="テキスト ボックス 536"/>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9535</xdr:rowOff>
    </xdr:from>
    <xdr:to>
      <xdr:col>76</xdr:col>
      <xdr:colOff>165100</xdr:colOff>
      <xdr:row>39</xdr:row>
      <xdr:rowOff>19685</xdr:rowOff>
    </xdr:to>
    <xdr:sp macro="" textlink="">
      <xdr:nvSpPr>
        <xdr:cNvPr id="538" name="楕円 537"/>
        <xdr:cNvSpPr/>
      </xdr:nvSpPr>
      <xdr:spPr>
        <a:xfrm>
          <a:off x="14541500" y="6604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10812</xdr:rowOff>
    </xdr:from>
    <xdr:ext cx="378565" cy="259045"/>
    <xdr:sp macro="" textlink="">
      <xdr:nvSpPr>
        <xdr:cNvPr id="539" name="テキスト ボックス 538"/>
        <xdr:cNvSpPr txBox="1"/>
      </xdr:nvSpPr>
      <xdr:spPr>
        <a:xfrm>
          <a:off x="14403017" y="66973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10871</xdr:rowOff>
    </xdr:from>
    <xdr:to>
      <xdr:col>72</xdr:col>
      <xdr:colOff>38100</xdr:colOff>
      <xdr:row>39</xdr:row>
      <xdr:rowOff>41021</xdr:rowOff>
    </xdr:to>
    <xdr:sp macro="" textlink="">
      <xdr:nvSpPr>
        <xdr:cNvPr id="540" name="楕円 539"/>
        <xdr:cNvSpPr/>
      </xdr:nvSpPr>
      <xdr:spPr>
        <a:xfrm>
          <a:off x="13652500" y="6625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32148</xdr:rowOff>
    </xdr:from>
    <xdr:ext cx="378565" cy="259045"/>
    <xdr:sp macro="" textlink="">
      <xdr:nvSpPr>
        <xdr:cNvPr id="541" name="テキスト ボックス 540"/>
        <xdr:cNvSpPr txBox="1"/>
      </xdr:nvSpPr>
      <xdr:spPr>
        <a:xfrm>
          <a:off x="13514017" y="67186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4930</xdr:rowOff>
    </xdr:from>
    <xdr:to>
      <xdr:col>67</xdr:col>
      <xdr:colOff>101600</xdr:colOff>
      <xdr:row>39</xdr:row>
      <xdr:rowOff>5080</xdr:rowOff>
    </xdr:to>
    <xdr:sp macro="" textlink="">
      <xdr:nvSpPr>
        <xdr:cNvPr id="542" name="楕円 541"/>
        <xdr:cNvSpPr/>
      </xdr:nvSpPr>
      <xdr:spPr>
        <a:xfrm>
          <a:off x="12763500" y="6590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67657</xdr:rowOff>
    </xdr:from>
    <xdr:ext cx="378565" cy="259045"/>
    <xdr:sp macro="" textlink="">
      <xdr:nvSpPr>
        <xdr:cNvPr id="543" name="テキスト ボックス 542"/>
        <xdr:cNvSpPr txBox="1"/>
      </xdr:nvSpPr>
      <xdr:spPr>
        <a:xfrm>
          <a:off x="12625017" y="66827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6505</xdr:rowOff>
    </xdr:from>
    <xdr:to>
      <xdr:col>85</xdr:col>
      <xdr:colOff>126364</xdr:colOff>
      <xdr:row>77</xdr:row>
      <xdr:rowOff>112497</xdr:rowOff>
    </xdr:to>
    <xdr:cxnSp macro="">
      <xdr:nvCxnSpPr>
        <xdr:cNvPr id="616" name="直線コネクタ 615"/>
        <xdr:cNvCxnSpPr/>
      </xdr:nvCxnSpPr>
      <xdr:spPr>
        <a:xfrm flipV="1">
          <a:off x="16317595" y="12028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16324</xdr:rowOff>
    </xdr:from>
    <xdr:ext cx="534377" cy="259045"/>
    <xdr:sp macro="" textlink="">
      <xdr:nvSpPr>
        <xdr:cNvPr id="617" name="公債費最小値テキスト"/>
        <xdr:cNvSpPr txBox="1"/>
      </xdr:nvSpPr>
      <xdr:spPr>
        <a:xfrm>
          <a:off x="16370300" y="13317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12497</xdr:rowOff>
    </xdr:from>
    <xdr:to>
      <xdr:col>86</xdr:col>
      <xdr:colOff>25400</xdr:colOff>
      <xdr:row>77</xdr:row>
      <xdr:rowOff>112497</xdr:rowOff>
    </xdr:to>
    <xdr:cxnSp macro="">
      <xdr:nvCxnSpPr>
        <xdr:cNvPr id="618" name="直線コネクタ 617"/>
        <xdr:cNvCxnSpPr/>
      </xdr:nvCxnSpPr>
      <xdr:spPr>
        <a:xfrm>
          <a:off x="16230600" y="13314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4632</xdr:rowOff>
    </xdr:from>
    <xdr:ext cx="534377" cy="259045"/>
    <xdr:sp macro="" textlink="">
      <xdr:nvSpPr>
        <xdr:cNvPr id="619" name="公債費最大値テキスト"/>
        <xdr:cNvSpPr txBox="1"/>
      </xdr:nvSpPr>
      <xdr:spPr>
        <a:xfrm>
          <a:off x="16370300" y="11803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6505</xdr:rowOff>
    </xdr:from>
    <xdr:to>
      <xdr:col>86</xdr:col>
      <xdr:colOff>25400</xdr:colOff>
      <xdr:row>70</xdr:row>
      <xdr:rowOff>26505</xdr:rowOff>
    </xdr:to>
    <xdr:cxnSp macro="">
      <xdr:nvCxnSpPr>
        <xdr:cNvPr id="620" name="直線コネクタ 619"/>
        <xdr:cNvCxnSpPr/>
      </xdr:nvCxnSpPr>
      <xdr:spPr>
        <a:xfrm>
          <a:off x="16230600" y="12028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3970</xdr:rowOff>
    </xdr:from>
    <xdr:to>
      <xdr:col>85</xdr:col>
      <xdr:colOff>127000</xdr:colOff>
      <xdr:row>77</xdr:row>
      <xdr:rowOff>59232</xdr:rowOff>
    </xdr:to>
    <xdr:cxnSp macro="">
      <xdr:nvCxnSpPr>
        <xdr:cNvPr id="621" name="直線コネクタ 620"/>
        <xdr:cNvCxnSpPr/>
      </xdr:nvCxnSpPr>
      <xdr:spPr>
        <a:xfrm flipV="1">
          <a:off x="15481300" y="13215620"/>
          <a:ext cx="838200" cy="45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43330</xdr:rowOff>
    </xdr:from>
    <xdr:ext cx="534377" cy="259045"/>
    <xdr:sp macro="" textlink="">
      <xdr:nvSpPr>
        <xdr:cNvPr id="622" name="公債費平均値テキスト"/>
        <xdr:cNvSpPr txBox="1"/>
      </xdr:nvSpPr>
      <xdr:spPr>
        <a:xfrm>
          <a:off x="16370300" y="12730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20453</xdr:rowOff>
    </xdr:from>
    <xdr:to>
      <xdr:col>85</xdr:col>
      <xdr:colOff>177800</xdr:colOff>
      <xdr:row>75</xdr:row>
      <xdr:rowOff>122053</xdr:rowOff>
    </xdr:to>
    <xdr:sp macro="" textlink="">
      <xdr:nvSpPr>
        <xdr:cNvPr id="623" name="フローチャート: 判断 622"/>
        <xdr:cNvSpPr/>
      </xdr:nvSpPr>
      <xdr:spPr>
        <a:xfrm>
          <a:off x="16268700" y="12879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39193</xdr:rowOff>
    </xdr:from>
    <xdr:to>
      <xdr:col>81</xdr:col>
      <xdr:colOff>50800</xdr:colOff>
      <xdr:row>77</xdr:row>
      <xdr:rowOff>59232</xdr:rowOff>
    </xdr:to>
    <xdr:cxnSp macro="">
      <xdr:nvCxnSpPr>
        <xdr:cNvPr id="624" name="直線コネクタ 623"/>
        <xdr:cNvCxnSpPr/>
      </xdr:nvCxnSpPr>
      <xdr:spPr>
        <a:xfrm>
          <a:off x="14592300" y="13240843"/>
          <a:ext cx="889000" cy="20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0797</xdr:rowOff>
    </xdr:from>
    <xdr:to>
      <xdr:col>81</xdr:col>
      <xdr:colOff>101600</xdr:colOff>
      <xdr:row>75</xdr:row>
      <xdr:rowOff>132397</xdr:rowOff>
    </xdr:to>
    <xdr:sp macro="" textlink="">
      <xdr:nvSpPr>
        <xdr:cNvPr id="625" name="フローチャート: 判断 624"/>
        <xdr:cNvSpPr/>
      </xdr:nvSpPr>
      <xdr:spPr>
        <a:xfrm>
          <a:off x="154305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8924</xdr:rowOff>
    </xdr:from>
    <xdr:ext cx="534377" cy="259045"/>
    <xdr:sp macro="" textlink="">
      <xdr:nvSpPr>
        <xdr:cNvPr id="626" name="テキスト ボックス 625"/>
        <xdr:cNvSpPr txBox="1"/>
      </xdr:nvSpPr>
      <xdr:spPr>
        <a:xfrm>
          <a:off x="15214111" y="12664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30296</xdr:rowOff>
    </xdr:from>
    <xdr:to>
      <xdr:col>76</xdr:col>
      <xdr:colOff>114300</xdr:colOff>
      <xdr:row>77</xdr:row>
      <xdr:rowOff>39193</xdr:rowOff>
    </xdr:to>
    <xdr:cxnSp macro="">
      <xdr:nvCxnSpPr>
        <xdr:cNvPr id="627" name="直線コネクタ 626"/>
        <xdr:cNvCxnSpPr/>
      </xdr:nvCxnSpPr>
      <xdr:spPr>
        <a:xfrm>
          <a:off x="13703300" y="13231946"/>
          <a:ext cx="889000" cy="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67240</xdr:rowOff>
    </xdr:from>
    <xdr:to>
      <xdr:col>76</xdr:col>
      <xdr:colOff>165100</xdr:colOff>
      <xdr:row>75</xdr:row>
      <xdr:rowOff>168839</xdr:rowOff>
    </xdr:to>
    <xdr:sp macro="" textlink="">
      <xdr:nvSpPr>
        <xdr:cNvPr id="628" name="フローチャート: 判断 627"/>
        <xdr:cNvSpPr/>
      </xdr:nvSpPr>
      <xdr:spPr>
        <a:xfrm>
          <a:off x="14541500" y="12925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3917</xdr:rowOff>
    </xdr:from>
    <xdr:ext cx="534377" cy="259045"/>
    <xdr:sp macro="" textlink="">
      <xdr:nvSpPr>
        <xdr:cNvPr id="629" name="テキスト ボックス 628"/>
        <xdr:cNvSpPr txBox="1"/>
      </xdr:nvSpPr>
      <xdr:spPr>
        <a:xfrm>
          <a:off x="14325111" y="12701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58541</xdr:rowOff>
    </xdr:from>
    <xdr:to>
      <xdr:col>71</xdr:col>
      <xdr:colOff>177800</xdr:colOff>
      <xdr:row>77</xdr:row>
      <xdr:rowOff>30296</xdr:rowOff>
    </xdr:to>
    <xdr:cxnSp macro="">
      <xdr:nvCxnSpPr>
        <xdr:cNvPr id="630" name="直線コネクタ 629"/>
        <xdr:cNvCxnSpPr/>
      </xdr:nvCxnSpPr>
      <xdr:spPr>
        <a:xfrm>
          <a:off x="12814300" y="13188741"/>
          <a:ext cx="889000" cy="43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4308</xdr:rowOff>
    </xdr:from>
    <xdr:to>
      <xdr:col>72</xdr:col>
      <xdr:colOff>38100</xdr:colOff>
      <xdr:row>76</xdr:row>
      <xdr:rowOff>4459</xdr:rowOff>
    </xdr:to>
    <xdr:sp macro="" textlink="">
      <xdr:nvSpPr>
        <xdr:cNvPr id="631" name="フローチャート: 判断 630"/>
        <xdr:cNvSpPr/>
      </xdr:nvSpPr>
      <xdr:spPr>
        <a:xfrm>
          <a:off x="13652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0985</xdr:rowOff>
    </xdr:from>
    <xdr:ext cx="534377" cy="259045"/>
    <xdr:sp macro="" textlink="">
      <xdr:nvSpPr>
        <xdr:cNvPr id="632" name="テキスト ボックス 631"/>
        <xdr:cNvSpPr txBox="1"/>
      </xdr:nvSpPr>
      <xdr:spPr>
        <a:xfrm>
          <a:off x="13436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55525</xdr:rowOff>
    </xdr:from>
    <xdr:to>
      <xdr:col>67</xdr:col>
      <xdr:colOff>101600</xdr:colOff>
      <xdr:row>75</xdr:row>
      <xdr:rowOff>157125</xdr:rowOff>
    </xdr:to>
    <xdr:sp macro="" textlink="">
      <xdr:nvSpPr>
        <xdr:cNvPr id="633" name="フローチャート: 判断 632"/>
        <xdr:cNvSpPr/>
      </xdr:nvSpPr>
      <xdr:spPr>
        <a:xfrm>
          <a:off x="12763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2202</xdr:rowOff>
    </xdr:from>
    <xdr:ext cx="534377" cy="259045"/>
    <xdr:sp macro="" textlink="">
      <xdr:nvSpPr>
        <xdr:cNvPr id="634" name="テキスト ボックス 633"/>
        <xdr:cNvSpPr txBox="1"/>
      </xdr:nvSpPr>
      <xdr:spPr>
        <a:xfrm>
          <a:off x="12547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34620</xdr:rowOff>
    </xdr:from>
    <xdr:to>
      <xdr:col>85</xdr:col>
      <xdr:colOff>177800</xdr:colOff>
      <xdr:row>77</xdr:row>
      <xdr:rowOff>64770</xdr:rowOff>
    </xdr:to>
    <xdr:sp macro="" textlink="">
      <xdr:nvSpPr>
        <xdr:cNvPr id="640" name="楕円 639"/>
        <xdr:cNvSpPr/>
      </xdr:nvSpPr>
      <xdr:spPr>
        <a:xfrm>
          <a:off x="16268700" y="1316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49547</xdr:rowOff>
    </xdr:from>
    <xdr:ext cx="534377" cy="259045"/>
    <xdr:sp macro="" textlink="">
      <xdr:nvSpPr>
        <xdr:cNvPr id="641" name="公債費該当値テキスト"/>
        <xdr:cNvSpPr txBox="1"/>
      </xdr:nvSpPr>
      <xdr:spPr>
        <a:xfrm>
          <a:off x="16370300" y="13079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8432</xdr:rowOff>
    </xdr:from>
    <xdr:to>
      <xdr:col>81</xdr:col>
      <xdr:colOff>101600</xdr:colOff>
      <xdr:row>77</xdr:row>
      <xdr:rowOff>110032</xdr:rowOff>
    </xdr:to>
    <xdr:sp macro="" textlink="">
      <xdr:nvSpPr>
        <xdr:cNvPr id="642" name="楕円 641"/>
        <xdr:cNvSpPr/>
      </xdr:nvSpPr>
      <xdr:spPr>
        <a:xfrm>
          <a:off x="15430500" y="13210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01159</xdr:rowOff>
    </xdr:from>
    <xdr:ext cx="534377" cy="259045"/>
    <xdr:sp macro="" textlink="">
      <xdr:nvSpPr>
        <xdr:cNvPr id="643" name="テキスト ボックス 642"/>
        <xdr:cNvSpPr txBox="1"/>
      </xdr:nvSpPr>
      <xdr:spPr>
        <a:xfrm>
          <a:off x="15214111" y="13302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59843</xdr:rowOff>
    </xdr:from>
    <xdr:to>
      <xdr:col>76</xdr:col>
      <xdr:colOff>165100</xdr:colOff>
      <xdr:row>77</xdr:row>
      <xdr:rowOff>89993</xdr:rowOff>
    </xdr:to>
    <xdr:sp macro="" textlink="">
      <xdr:nvSpPr>
        <xdr:cNvPr id="644" name="楕円 643"/>
        <xdr:cNvSpPr/>
      </xdr:nvSpPr>
      <xdr:spPr>
        <a:xfrm>
          <a:off x="14541500" y="1319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81120</xdr:rowOff>
    </xdr:from>
    <xdr:ext cx="534377" cy="259045"/>
    <xdr:sp macro="" textlink="">
      <xdr:nvSpPr>
        <xdr:cNvPr id="645" name="テキスト ボックス 644"/>
        <xdr:cNvSpPr txBox="1"/>
      </xdr:nvSpPr>
      <xdr:spPr>
        <a:xfrm>
          <a:off x="14325111" y="13282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50946</xdr:rowOff>
    </xdr:from>
    <xdr:to>
      <xdr:col>72</xdr:col>
      <xdr:colOff>38100</xdr:colOff>
      <xdr:row>77</xdr:row>
      <xdr:rowOff>81096</xdr:rowOff>
    </xdr:to>
    <xdr:sp macro="" textlink="">
      <xdr:nvSpPr>
        <xdr:cNvPr id="646" name="楕円 645"/>
        <xdr:cNvSpPr/>
      </xdr:nvSpPr>
      <xdr:spPr>
        <a:xfrm>
          <a:off x="13652500" y="13181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72223</xdr:rowOff>
    </xdr:from>
    <xdr:ext cx="534377" cy="259045"/>
    <xdr:sp macro="" textlink="">
      <xdr:nvSpPr>
        <xdr:cNvPr id="647" name="テキスト ボックス 646"/>
        <xdr:cNvSpPr txBox="1"/>
      </xdr:nvSpPr>
      <xdr:spPr>
        <a:xfrm>
          <a:off x="13436111" y="13273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7741</xdr:rowOff>
    </xdr:from>
    <xdr:to>
      <xdr:col>67</xdr:col>
      <xdr:colOff>101600</xdr:colOff>
      <xdr:row>77</xdr:row>
      <xdr:rowOff>37891</xdr:rowOff>
    </xdr:to>
    <xdr:sp macro="" textlink="">
      <xdr:nvSpPr>
        <xdr:cNvPr id="648" name="楕円 647"/>
        <xdr:cNvSpPr/>
      </xdr:nvSpPr>
      <xdr:spPr>
        <a:xfrm>
          <a:off x="12763500" y="13137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29018</xdr:rowOff>
    </xdr:from>
    <xdr:ext cx="534377" cy="259045"/>
    <xdr:sp macro="" textlink="">
      <xdr:nvSpPr>
        <xdr:cNvPr id="649" name="テキスト ボックス 648"/>
        <xdr:cNvSpPr txBox="1"/>
      </xdr:nvSpPr>
      <xdr:spPr>
        <a:xfrm>
          <a:off x="12547111" y="13230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0" name="直線コネクタ 659"/>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1" name="テキスト ボックス 660"/>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2" name="直線コネクタ 661"/>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3" name="テキスト ボックス 662"/>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4" name="直線コネクタ 663"/>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5" name="テキスト ボックス 664"/>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6" name="直線コネクタ 665"/>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7" name="テキスト ボックス 666"/>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8" name="直線コネクタ 667"/>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9" name="テキスト ボックス 668"/>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0" name="直線コネクタ 669"/>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1" name="テキスト ボックス 670"/>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1429</xdr:rowOff>
    </xdr:from>
    <xdr:to>
      <xdr:col>85</xdr:col>
      <xdr:colOff>126364</xdr:colOff>
      <xdr:row>99</xdr:row>
      <xdr:rowOff>90377</xdr:rowOff>
    </xdr:to>
    <xdr:cxnSp macro="">
      <xdr:nvCxnSpPr>
        <xdr:cNvPr id="675" name="直線コネクタ 674"/>
        <xdr:cNvCxnSpPr/>
      </xdr:nvCxnSpPr>
      <xdr:spPr>
        <a:xfrm flipV="1">
          <a:off x="16317595" y="15511929"/>
          <a:ext cx="1269" cy="1551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4204</xdr:rowOff>
    </xdr:from>
    <xdr:ext cx="378565" cy="259045"/>
    <xdr:sp macro="" textlink="">
      <xdr:nvSpPr>
        <xdr:cNvPr id="676" name="積立金最小値テキスト"/>
        <xdr:cNvSpPr txBox="1"/>
      </xdr:nvSpPr>
      <xdr:spPr>
        <a:xfrm>
          <a:off x="16370300" y="170677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0377</xdr:rowOff>
    </xdr:from>
    <xdr:to>
      <xdr:col>86</xdr:col>
      <xdr:colOff>25400</xdr:colOff>
      <xdr:row>99</xdr:row>
      <xdr:rowOff>90377</xdr:rowOff>
    </xdr:to>
    <xdr:cxnSp macro="">
      <xdr:nvCxnSpPr>
        <xdr:cNvPr id="677" name="直線コネクタ 676"/>
        <xdr:cNvCxnSpPr/>
      </xdr:nvCxnSpPr>
      <xdr:spPr>
        <a:xfrm>
          <a:off x="16230600" y="17063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8106</xdr:rowOff>
    </xdr:from>
    <xdr:ext cx="599010" cy="259045"/>
    <xdr:sp macro="" textlink="">
      <xdr:nvSpPr>
        <xdr:cNvPr id="678" name="積立金最大値テキスト"/>
        <xdr:cNvSpPr txBox="1"/>
      </xdr:nvSpPr>
      <xdr:spPr>
        <a:xfrm>
          <a:off x="16370300" y="15287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1429</xdr:rowOff>
    </xdr:from>
    <xdr:to>
      <xdr:col>86</xdr:col>
      <xdr:colOff>25400</xdr:colOff>
      <xdr:row>90</xdr:row>
      <xdr:rowOff>81429</xdr:rowOff>
    </xdr:to>
    <xdr:cxnSp macro="">
      <xdr:nvCxnSpPr>
        <xdr:cNvPr id="679" name="直線コネクタ 678"/>
        <xdr:cNvCxnSpPr/>
      </xdr:nvCxnSpPr>
      <xdr:spPr>
        <a:xfrm>
          <a:off x="16230600" y="15511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9529</xdr:rowOff>
    </xdr:from>
    <xdr:to>
      <xdr:col>85</xdr:col>
      <xdr:colOff>127000</xdr:colOff>
      <xdr:row>98</xdr:row>
      <xdr:rowOff>79687</xdr:rowOff>
    </xdr:to>
    <xdr:cxnSp macro="">
      <xdr:nvCxnSpPr>
        <xdr:cNvPr id="680" name="直線コネクタ 679"/>
        <xdr:cNvCxnSpPr/>
      </xdr:nvCxnSpPr>
      <xdr:spPr>
        <a:xfrm>
          <a:off x="15481300" y="16750179"/>
          <a:ext cx="838200" cy="131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847</xdr:rowOff>
    </xdr:from>
    <xdr:ext cx="534377" cy="259045"/>
    <xdr:sp macro="" textlink="">
      <xdr:nvSpPr>
        <xdr:cNvPr id="681" name="積立金平均値テキスト"/>
        <xdr:cNvSpPr txBox="1"/>
      </xdr:nvSpPr>
      <xdr:spPr>
        <a:xfrm>
          <a:off x="16370300" y="166354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3420</xdr:rowOff>
    </xdr:from>
    <xdr:to>
      <xdr:col>85</xdr:col>
      <xdr:colOff>177800</xdr:colOff>
      <xdr:row>98</xdr:row>
      <xdr:rowOff>83570</xdr:rowOff>
    </xdr:to>
    <xdr:sp macro="" textlink="">
      <xdr:nvSpPr>
        <xdr:cNvPr id="682" name="フローチャート: 判断 681"/>
        <xdr:cNvSpPr/>
      </xdr:nvSpPr>
      <xdr:spPr>
        <a:xfrm>
          <a:off x="16268700" y="16784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9529</xdr:rowOff>
    </xdr:from>
    <xdr:to>
      <xdr:col>81</xdr:col>
      <xdr:colOff>50800</xdr:colOff>
      <xdr:row>98</xdr:row>
      <xdr:rowOff>136489</xdr:rowOff>
    </xdr:to>
    <xdr:cxnSp macro="">
      <xdr:nvCxnSpPr>
        <xdr:cNvPr id="683" name="直線コネクタ 682"/>
        <xdr:cNvCxnSpPr/>
      </xdr:nvCxnSpPr>
      <xdr:spPr>
        <a:xfrm flipV="1">
          <a:off x="14592300" y="16750179"/>
          <a:ext cx="889000" cy="188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55434</xdr:rowOff>
    </xdr:from>
    <xdr:to>
      <xdr:col>81</xdr:col>
      <xdr:colOff>101600</xdr:colOff>
      <xdr:row>98</xdr:row>
      <xdr:rowOff>85584</xdr:rowOff>
    </xdr:to>
    <xdr:sp macro="" textlink="">
      <xdr:nvSpPr>
        <xdr:cNvPr id="684" name="フローチャート: 判断 683"/>
        <xdr:cNvSpPr/>
      </xdr:nvSpPr>
      <xdr:spPr>
        <a:xfrm>
          <a:off x="15430500" y="16786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76711</xdr:rowOff>
    </xdr:from>
    <xdr:ext cx="534377" cy="259045"/>
    <xdr:sp macro="" textlink="">
      <xdr:nvSpPr>
        <xdr:cNvPr id="685" name="テキスト ボックス 684"/>
        <xdr:cNvSpPr txBox="1"/>
      </xdr:nvSpPr>
      <xdr:spPr>
        <a:xfrm>
          <a:off x="15214111" y="16878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8133</xdr:rowOff>
    </xdr:from>
    <xdr:to>
      <xdr:col>76</xdr:col>
      <xdr:colOff>114300</xdr:colOff>
      <xdr:row>98</xdr:row>
      <xdr:rowOff>136489</xdr:rowOff>
    </xdr:to>
    <xdr:cxnSp macro="">
      <xdr:nvCxnSpPr>
        <xdr:cNvPr id="686" name="直線コネクタ 685"/>
        <xdr:cNvCxnSpPr/>
      </xdr:nvCxnSpPr>
      <xdr:spPr>
        <a:xfrm>
          <a:off x="13703300" y="16860233"/>
          <a:ext cx="889000" cy="78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3203</xdr:rowOff>
    </xdr:from>
    <xdr:to>
      <xdr:col>76</xdr:col>
      <xdr:colOff>165100</xdr:colOff>
      <xdr:row>99</xdr:row>
      <xdr:rowOff>3353</xdr:rowOff>
    </xdr:to>
    <xdr:sp macro="" textlink="">
      <xdr:nvSpPr>
        <xdr:cNvPr id="687" name="フローチャート: 判断 686"/>
        <xdr:cNvSpPr/>
      </xdr:nvSpPr>
      <xdr:spPr>
        <a:xfrm>
          <a:off x="14541500" y="16875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9880</xdr:rowOff>
    </xdr:from>
    <xdr:ext cx="534377" cy="259045"/>
    <xdr:sp macro="" textlink="">
      <xdr:nvSpPr>
        <xdr:cNvPr id="688" name="テキスト ボックス 687"/>
        <xdr:cNvSpPr txBox="1"/>
      </xdr:nvSpPr>
      <xdr:spPr>
        <a:xfrm>
          <a:off x="14325111" y="16650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58133</xdr:rowOff>
    </xdr:from>
    <xdr:to>
      <xdr:col>71</xdr:col>
      <xdr:colOff>177800</xdr:colOff>
      <xdr:row>98</xdr:row>
      <xdr:rowOff>116089</xdr:rowOff>
    </xdr:to>
    <xdr:cxnSp macro="">
      <xdr:nvCxnSpPr>
        <xdr:cNvPr id="689" name="直線コネクタ 688"/>
        <xdr:cNvCxnSpPr/>
      </xdr:nvCxnSpPr>
      <xdr:spPr>
        <a:xfrm flipV="1">
          <a:off x="12814300" y="16860233"/>
          <a:ext cx="889000" cy="57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2343</xdr:rowOff>
    </xdr:from>
    <xdr:to>
      <xdr:col>72</xdr:col>
      <xdr:colOff>38100</xdr:colOff>
      <xdr:row>99</xdr:row>
      <xdr:rowOff>2493</xdr:rowOff>
    </xdr:to>
    <xdr:sp macro="" textlink="">
      <xdr:nvSpPr>
        <xdr:cNvPr id="690" name="フローチャート: 判断 689"/>
        <xdr:cNvSpPr/>
      </xdr:nvSpPr>
      <xdr:spPr>
        <a:xfrm>
          <a:off x="13652500" y="1687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5070</xdr:rowOff>
    </xdr:from>
    <xdr:ext cx="534377" cy="259045"/>
    <xdr:sp macro="" textlink="">
      <xdr:nvSpPr>
        <xdr:cNvPr id="691" name="テキスト ボックス 690"/>
        <xdr:cNvSpPr txBox="1"/>
      </xdr:nvSpPr>
      <xdr:spPr>
        <a:xfrm>
          <a:off x="13436111" y="16967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911</xdr:rowOff>
    </xdr:from>
    <xdr:to>
      <xdr:col>67</xdr:col>
      <xdr:colOff>101600</xdr:colOff>
      <xdr:row>98</xdr:row>
      <xdr:rowOff>110511</xdr:rowOff>
    </xdr:to>
    <xdr:sp macro="" textlink="">
      <xdr:nvSpPr>
        <xdr:cNvPr id="692" name="フローチャート: 判断 691"/>
        <xdr:cNvSpPr/>
      </xdr:nvSpPr>
      <xdr:spPr>
        <a:xfrm>
          <a:off x="12763500" y="1681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7038</xdr:rowOff>
    </xdr:from>
    <xdr:ext cx="534377" cy="259045"/>
    <xdr:sp macro="" textlink="">
      <xdr:nvSpPr>
        <xdr:cNvPr id="693" name="テキスト ボックス 692"/>
        <xdr:cNvSpPr txBox="1"/>
      </xdr:nvSpPr>
      <xdr:spPr>
        <a:xfrm>
          <a:off x="12547111" y="1658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8887</xdr:rowOff>
    </xdr:from>
    <xdr:to>
      <xdr:col>85</xdr:col>
      <xdr:colOff>177800</xdr:colOff>
      <xdr:row>98</xdr:row>
      <xdr:rowOff>130487</xdr:rowOff>
    </xdr:to>
    <xdr:sp macro="" textlink="">
      <xdr:nvSpPr>
        <xdr:cNvPr id="699" name="楕円 698"/>
        <xdr:cNvSpPr/>
      </xdr:nvSpPr>
      <xdr:spPr>
        <a:xfrm>
          <a:off x="16268700" y="16830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7314</xdr:rowOff>
    </xdr:from>
    <xdr:ext cx="534377" cy="259045"/>
    <xdr:sp macro="" textlink="">
      <xdr:nvSpPr>
        <xdr:cNvPr id="700" name="積立金該当値テキスト"/>
        <xdr:cNvSpPr txBox="1"/>
      </xdr:nvSpPr>
      <xdr:spPr>
        <a:xfrm>
          <a:off x="16370300" y="16809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8729</xdr:rowOff>
    </xdr:from>
    <xdr:to>
      <xdr:col>81</xdr:col>
      <xdr:colOff>101600</xdr:colOff>
      <xdr:row>97</xdr:row>
      <xdr:rowOff>170329</xdr:rowOff>
    </xdr:to>
    <xdr:sp macro="" textlink="">
      <xdr:nvSpPr>
        <xdr:cNvPr id="701" name="楕円 700"/>
        <xdr:cNvSpPr/>
      </xdr:nvSpPr>
      <xdr:spPr>
        <a:xfrm>
          <a:off x="15430500" y="16699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406</xdr:rowOff>
    </xdr:from>
    <xdr:ext cx="534377" cy="259045"/>
    <xdr:sp macro="" textlink="">
      <xdr:nvSpPr>
        <xdr:cNvPr id="702" name="テキスト ボックス 701"/>
        <xdr:cNvSpPr txBox="1"/>
      </xdr:nvSpPr>
      <xdr:spPr>
        <a:xfrm>
          <a:off x="15214111" y="16474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5689</xdr:rowOff>
    </xdr:from>
    <xdr:to>
      <xdr:col>76</xdr:col>
      <xdr:colOff>165100</xdr:colOff>
      <xdr:row>99</xdr:row>
      <xdr:rowOff>15839</xdr:rowOff>
    </xdr:to>
    <xdr:sp macro="" textlink="">
      <xdr:nvSpPr>
        <xdr:cNvPr id="703" name="楕円 702"/>
        <xdr:cNvSpPr/>
      </xdr:nvSpPr>
      <xdr:spPr>
        <a:xfrm>
          <a:off x="14541500" y="16887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6966</xdr:rowOff>
    </xdr:from>
    <xdr:ext cx="534377" cy="259045"/>
    <xdr:sp macro="" textlink="">
      <xdr:nvSpPr>
        <xdr:cNvPr id="704" name="テキスト ボックス 703"/>
        <xdr:cNvSpPr txBox="1"/>
      </xdr:nvSpPr>
      <xdr:spPr>
        <a:xfrm>
          <a:off x="14325111" y="16980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333</xdr:rowOff>
    </xdr:from>
    <xdr:to>
      <xdr:col>72</xdr:col>
      <xdr:colOff>38100</xdr:colOff>
      <xdr:row>98</xdr:row>
      <xdr:rowOff>108933</xdr:rowOff>
    </xdr:to>
    <xdr:sp macro="" textlink="">
      <xdr:nvSpPr>
        <xdr:cNvPr id="705" name="楕円 704"/>
        <xdr:cNvSpPr/>
      </xdr:nvSpPr>
      <xdr:spPr>
        <a:xfrm>
          <a:off x="13652500" y="16809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5460</xdr:rowOff>
    </xdr:from>
    <xdr:ext cx="534377" cy="259045"/>
    <xdr:sp macro="" textlink="">
      <xdr:nvSpPr>
        <xdr:cNvPr id="706" name="テキスト ボックス 705"/>
        <xdr:cNvSpPr txBox="1"/>
      </xdr:nvSpPr>
      <xdr:spPr>
        <a:xfrm>
          <a:off x="13436111" y="16584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5289</xdr:rowOff>
    </xdr:from>
    <xdr:to>
      <xdr:col>67</xdr:col>
      <xdr:colOff>101600</xdr:colOff>
      <xdr:row>98</xdr:row>
      <xdr:rowOff>166889</xdr:rowOff>
    </xdr:to>
    <xdr:sp macro="" textlink="">
      <xdr:nvSpPr>
        <xdr:cNvPr id="707" name="楕円 706"/>
        <xdr:cNvSpPr/>
      </xdr:nvSpPr>
      <xdr:spPr>
        <a:xfrm>
          <a:off x="12763500" y="1686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58016</xdr:rowOff>
    </xdr:from>
    <xdr:ext cx="534377" cy="259045"/>
    <xdr:sp macro="" textlink="">
      <xdr:nvSpPr>
        <xdr:cNvPr id="708" name="テキスト ボックス 707"/>
        <xdr:cNvSpPr txBox="1"/>
      </xdr:nvSpPr>
      <xdr:spPr>
        <a:xfrm>
          <a:off x="12547111" y="16960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9" name="直線コネクタ 718"/>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0" name="テキスト ボックス 719"/>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1" name="直線コネクタ 720"/>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2" name="テキスト ボックス 721"/>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4" name="テキスト ボックス 723"/>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5" name="直線コネクタ 724"/>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6" name="テキスト ボックス 725"/>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7" name="直線コネクタ 726"/>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8" name="テキスト ボックス 727"/>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0" name="テキスト ボックス 729"/>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3312</xdr:rowOff>
    </xdr:from>
    <xdr:to>
      <xdr:col>116</xdr:col>
      <xdr:colOff>62864</xdr:colOff>
      <xdr:row>39</xdr:row>
      <xdr:rowOff>44450</xdr:rowOff>
    </xdr:to>
    <xdr:cxnSp macro="">
      <xdr:nvCxnSpPr>
        <xdr:cNvPr id="732" name="直線コネクタ 731"/>
        <xdr:cNvCxnSpPr/>
      </xdr:nvCxnSpPr>
      <xdr:spPr>
        <a:xfrm flipV="1">
          <a:off x="22159595" y="5226812"/>
          <a:ext cx="1269" cy="15041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3"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4" name="直線コネクタ 733"/>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9989</xdr:rowOff>
    </xdr:from>
    <xdr:ext cx="469744" cy="259045"/>
    <xdr:sp macro="" textlink="">
      <xdr:nvSpPr>
        <xdr:cNvPr id="735" name="投資及び出資金最大値テキスト"/>
        <xdr:cNvSpPr txBox="1"/>
      </xdr:nvSpPr>
      <xdr:spPr>
        <a:xfrm>
          <a:off x="22212300" y="5002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3312</xdr:rowOff>
    </xdr:from>
    <xdr:to>
      <xdr:col>116</xdr:col>
      <xdr:colOff>152400</xdr:colOff>
      <xdr:row>30</xdr:row>
      <xdr:rowOff>83312</xdr:rowOff>
    </xdr:to>
    <xdr:cxnSp macro="">
      <xdr:nvCxnSpPr>
        <xdr:cNvPr id="736" name="直線コネクタ 735"/>
        <xdr:cNvCxnSpPr/>
      </xdr:nvCxnSpPr>
      <xdr:spPr>
        <a:xfrm>
          <a:off x="22072600" y="5226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7" name="直線コネクタ 736"/>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0053</xdr:rowOff>
    </xdr:from>
    <xdr:ext cx="378565" cy="259045"/>
    <xdr:sp macro="" textlink="">
      <xdr:nvSpPr>
        <xdr:cNvPr id="738" name="投資及び出資金平均値テキスト"/>
        <xdr:cNvSpPr txBox="1"/>
      </xdr:nvSpPr>
      <xdr:spPr>
        <a:xfrm>
          <a:off x="22212300" y="637370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176</xdr:rowOff>
    </xdr:from>
    <xdr:to>
      <xdr:col>116</xdr:col>
      <xdr:colOff>114300</xdr:colOff>
      <xdr:row>38</xdr:row>
      <xdr:rowOff>108776</xdr:rowOff>
    </xdr:to>
    <xdr:sp macro="" textlink="">
      <xdr:nvSpPr>
        <xdr:cNvPr id="739" name="フローチャート: 判断 738"/>
        <xdr:cNvSpPr/>
      </xdr:nvSpPr>
      <xdr:spPr>
        <a:xfrm>
          <a:off x="22110700" y="652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0" name="直線コネクタ 739"/>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4432</xdr:rowOff>
    </xdr:from>
    <xdr:to>
      <xdr:col>112</xdr:col>
      <xdr:colOff>38100</xdr:colOff>
      <xdr:row>38</xdr:row>
      <xdr:rowOff>84582</xdr:rowOff>
    </xdr:to>
    <xdr:sp macro="" textlink="">
      <xdr:nvSpPr>
        <xdr:cNvPr id="741" name="フローチャート: 判断 740"/>
        <xdr:cNvSpPr/>
      </xdr:nvSpPr>
      <xdr:spPr>
        <a:xfrm>
          <a:off x="212725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01109</xdr:rowOff>
    </xdr:from>
    <xdr:ext cx="378565" cy="259045"/>
    <xdr:sp macro="" textlink="">
      <xdr:nvSpPr>
        <xdr:cNvPr id="742" name="テキスト ボックス 741"/>
        <xdr:cNvSpPr txBox="1"/>
      </xdr:nvSpPr>
      <xdr:spPr>
        <a:xfrm>
          <a:off x="21134017" y="62733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3" name="直線コネクタ 742"/>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7287</xdr:rowOff>
    </xdr:from>
    <xdr:to>
      <xdr:col>107</xdr:col>
      <xdr:colOff>101600</xdr:colOff>
      <xdr:row>38</xdr:row>
      <xdr:rowOff>67437</xdr:rowOff>
    </xdr:to>
    <xdr:sp macro="" textlink="">
      <xdr:nvSpPr>
        <xdr:cNvPr id="744" name="フローチャート: 判断 743"/>
        <xdr:cNvSpPr/>
      </xdr:nvSpPr>
      <xdr:spPr>
        <a:xfrm>
          <a:off x="203835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83964</xdr:rowOff>
    </xdr:from>
    <xdr:ext cx="469744" cy="259045"/>
    <xdr:sp macro="" textlink="">
      <xdr:nvSpPr>
        <xdr:cNvPr id="745" name="テキスト ボックス 744"/>
        <xdr:cNvSpPr txBox="1"/>
      </xdr:nvSpPr>
      <xdr:spPr>
        <a:xfrm>
          <a:off x="20199428" y="625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6" name="直線コネクタ 745"/>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319</xdr:rowOff>
    </xdr:from>
    <xdr:to>
      <xdr:col>102</xdr:col>
      <xdr:colOff>165100</xdr:colOff>
      <xdr:row>38</xdr:row>
      <xdr:rowOff>113919</xdr:rowOff>
    </xdr:to>
    <xdr:sp macro="" textlink="">
      <xdr:nvSpPr>
        <xdr:cNvPr id="747" name="フローチャート: 判断 746"/>
        <xdr:cNvSpPr/>
      </xdr:nvSpPr>
      <xdr:spPr>
        <a:xfrm>
          <a:off x="19494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30446</xdr:rowOff>
    </xdr:from>
    <xdr:ext cx="378565" cy="259045"/>
    <xdr:sp macro="" textlink="">
      <xdr:nvSpPr>
        <xdr:cNvPr id="748" name="テキスト ボックス 747"/>
        <xdr:cNvSpPr txBox="1"/>
      </xdr:nvSpPr>
      <xdr:spPr>
        <a:xfrm>
          <a:off x="19356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8146</xdr:rowOff>
    </xdr:from>
    <xdr:to>
      <xdr:col>98</xdr:col>
      <xdr:colOff>38100</xdr:colOff>
      <xdr:row>38</xdr:row>
      <xdr:rowOff>78296</xdr:rowOff>
    </xdr:to>
    <xdr:sp macro="" textlink="">
      <xdr:nvSpPr>
        <xdr:cNvPr id="749" name="フローチャート: 判断 748"/>
        <xdr:cNvSpPr/>
      </xdr:nvSpPr>
      <xdr:spPr>
        <a:xfrm>
          <a:off x="18605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94823</xdr:rowOff>
    </xdr:from>
    <xdr:ext cx="378565" cy="259045"/>
    <xdr:sp macro="" textlink="">
      <xdr:nvSpPr>
        <xdr:cNvPr id="750" name="テキスト ボックス 749"/>
        <xdr:cNvSpPr txBox="1"/>
      </xdr:nvSpPr>
      <xdr:spPr>
        <a:xfrm>
          <a:off x="18467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6" name="楕円 755"/>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7"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8" name="楕円 757"/>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9" name="テキスト ボックス 758"/>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0" name="楕円 759"/>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1" name="テキスト ボックス 760"/>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2" name="楕円 761"/>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3" name="テキスト ボックス 762"/>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4" name="楕円 763"/>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5" name="テキスト ボックス 764"/>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6" name="直線コネクタ 775"/>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7" name="テキスト ボックス 776"/>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8" name="直線コネクタ 777"/>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9" name="テキスト ボックス 778"/>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1" name="テキスト ボックス 780"/>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2" name="直線コネクタ 781"/>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3" name="テキスト ボックス 782"/>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4" name="直線コネクタ 783"/>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5" name="テキスト ボックス 784"/>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7" name="テキスト ボックス 786"/>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4865</xdr:rowOff>
    </xdr:from>
    <xdr:to>
      <xdr:col>116</xdr:col>
      <xdr:colOff>62864</xdr:colOff>
      <xdr:row>59</xdr:row>
      <xdr:rowOff>44450</xdr:rowOff>
    </xdr:to>
    <xdr:cxnSp macro="">
      <xdr:nvCxnSpPr>
        <xdr:cNvPr id="789" name="直線コネクタ 788"/>
        <xdr:cNvCxnSpPr/>
      </xdr:nvCxnSpPr>
      <xdr:spPr>
        <a:xfrm flipV="1">
          <a:off x="22159595" y="8737365"/>
          <a:ext cx="1269" cy="1422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0"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1" name="直線コネクタ 790"/>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542</xdr:rowOff>
    </xdr:from>
    <xdr:ext cx="534377" cy="259045"/>
    <xdr:sp macro="" textlink="">
      <xdr:nvSpPr>
        <xdr:cNvPr id="792" name="貸付金最大値テキスト"/>
        <xdr:cNvSpPr txBox="1"/>
      </xdr:nvSpPr>
      <xdr:spPr>
        <a:xfrm>
          <a:off x="22212300" y="8512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64865</xdr:rowOff>
    </xdr:from>
    <xdr:to>
      <xdr:col>116</xdr:col>
      <xdr:colOff>152400</xdr:colOff>
      <xdr:row>50</xdr:row>
      <xdr:rowOff>164865</xdr:rowOff>
    </xdr:to>
    <xdr:cxnSp macro="">
      <xdr:nvCxnSpPr>
        <xdr:cNvPr id="793" name="直線コネクタ 792"/>
        <xdr:cNvCxnSpPr/>
      </xdr:nvCxnSpPr>
      <xdr:spPr>
        <a:xfrm>
          <a:off x="22072600" y="8737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65874</xdr:rowOff>
    </xdr:from>
    <xdr:to>
      <xdr:col>116</xdr:col>
      <xdr:colOff>63500</xdr:colOff>
      <xdr:row>59</xdr:row>
      <xdr:rowOff>44450</xdr:rowOff>
    </xdr:to>
    <xdr:cxnSp macro="">
      <xdr:nvCxnSpPr>
        <xdr:cNvPr id="794" name="直線コネクタ 793"/>
        <xdr:cNvCxnSpPr/>
      </xdr:nvCxnSpPr>
      <xdr:spPr>
        <a:xfrm flipV="1">
          <a:off x="21323300" y="10109974"/>
          <a:ext cx="838200" cy="50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9682</xdr:rowOff>
    </xdr:from>
    <xdr:ext cx="469744" cy="259045"/>
    <xdr:sp macro="" textlink="">
      <xdr:nvSpPr>
        <xdr:cNvPr id="795" name="貸付金平均値テキスト"/>
        <xdr:cNvSpPr txBox="1"/>
      </xdr:nvSpPr>
      <xdr:spPr>
        <a:xfrm>
          <a:off x="22212300" y="98823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805</xdr:rowOff>
    </xdr:from>
    <xdr:to>
      <xdr:col>116</xdr:col>
      <xdr:colOff>114300</xdr:colOff>
      <xdr:row>59</xdr:row>
      <xdr:rowOff>16955</xdr:rowOff>
    </xdr:to>
    <xdr:sp macro="" textlink="">
      <xdr:nvSpPr>
        <xdr:cNvPr id="796" name="フローチャート: 判断 795"/>
        <xdr:cNvSpPr/>
      </xdr:nvSpPr>
      <xdr:spPr>
        <a:xfrm>
          <a:off x="22110700" y="1003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7" name="直線コネクタ 796"/>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0804</xdr:rowOff>
    </xdr:from>
    <xdr:to>
      <xdr:col>112</xdr:col>
      <xdr:colOff>38100</xdr:colOff>
      <xdr:row>59</xdr:row>
      <xdr:rowOff>10954</xdr:rowOff>
    </xdr:to>
    <xdr:sp macro="" textlink="">
      <xdr:nvSpPr>
        <xdr:cNvPr id="798" name="フローチャート: 判断 797"/>
        <xdr:cNvSpPr/>
      </xdr:nvSpPr>
      <xdr:spPr>
        <a:xfrm>
          <a:off x="212725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7481</xdr:rowOff>
    </xdr:from>
    <xdr:ext cx="469744" cy="259045"/>
    <xdr:sp macro="" textlink="">
      <xdr:nvSpPr>
        <xdr:cNvPr id="799" name="テキスト ボックス 798"/>
        <xdr:cNvSpPr txBox="1"/>
      </xdr:nvSpPr>
      <xdr:spPr>
        <a:xfrm>
          <a:off x="21088428" y="9800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0" name="直線コネクタ 799"/>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1525</xdr:rowOff>
    </xdr:from>
    <xdr:to>
      <xdr:col>107</xdr:col>
      <xdr:colOff>101600</xdr:colOff>
      <xdr:row>58</xdr:row>
      <xdr:rowOff>163125</xdr:rowOff>
    </xdr:to>
    <xdr:sp macro="" textlink="">
      <xdr:nvSpPr>
        <xdr:cNvPr id="801" name="フローチャート: 判断 800"/>
        <xdr:cNvSpPr/>
      </xdr:nvSpPr>
      <xdr:spPr>
        <a:xfrm>
          <a:off x="203835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8202</xdr:rowOff>
    </xdr:from>
    <xdr:ext cx="469744" cy="259045"/>
    <xdr:sp macro="" textlink="">
      <xdr:nvSpPr>
        <xdr:cNvPr id="802" name="テキスト ボックス 801"/>
        <xdr:cNvSpPr txBox="1"/>
      </xdr:nvSpPr>
      <xdr:spPr>
        <a:xfrm>
          <a:off x="20199428" y="978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3440</xdr:rowOff>
    </xdr:from>
    <xdr:to>
      <xdr:col>102</xdr:col>
      <xdr:colOff>114300</xdr:colOff>
      <xdr:row>59</xdr:row>
      <xdr:rowOff>44450</xdr:rowOff>
    </xdr:to>
    <xdr:cxnSp macro="">
      <xdr:nvCxnSpPr>
        <xdr:cNvPr id="803" name="直線コネクタ 802"/>
        <xdr:cNvCxnSpPr/>
      </xdr:nvCxnSpPr>
      <xdr:spPr>
        <a:xfrm>
          <a:off x="18656300" y="10158990"/>
          <a:ext cx="889000" cy="1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2499</xdr:rowOff>
    </xdr:from>
    <xdr:to>
      <xdr:col>102</xdr:col>
      <xdr:colOff>165100</xdr:colOff>
      <xdr:row>59</xdr:row>
      <xdr:rowOff>12649</xdr:rowOff>
    </xdr:to>
    <xdr:sp macro="" textlink="">
      <xdr:nvSpPr>
        <xdr:cNvPr id="804" name="フローチャート: 判断 803"/>
        <xdr:cNvSpPr/>
      </xdr:nvSpPr>
      <xdr:spPr>
        <a:xfrm>
          <a:off x="19494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9176</xdr:rowOff>
    </xdr:from>
    <xdr:ext cx="469744" cy="259045"/>
    <xdr:sp macro="" textlink="">
      <xdr:nvSpPr>
        <xdr:cNvPr id="805" name="テキスト ボックス 804"/>
        <xdr:cNvSpPr txBox="1"/>
      </xdr:nvSpPr>
      <xdr:spPr>
        <a:xfrm>
          <a:off x="19310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2539</xdr:rowOff>
    </xdr:from>
    <xdr:to>
      <xdr:col>98</xdr:col>
      <xdr:colOff>38100</xdr:colOff>
      <xdr:row>59</xdr:row>
      <xdr:rowOff>22689</xdr:rowOff>
    </xdr:to>
    <xdr:sp macro="" textlink="">
      <xdr:nvSpPr>
        <xdr:cNvPr id="806" name="フローチャート: 判断 805"/>
        <xdr:cNvSpPr/>
      </xdr:nvSpPr>
      <xdr:spPr>
        <a:xfrm>
          <a:off x="18605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9216</xdr:rowOff>
    </xdr:from>
    <xdr:ext cx="469744" cy="259045"/>
    <xdr:sp macro="" textlink="">
      <xdr:nvSpPr>
        <xdr:cNvPr id="807" name="テキスト ボックス 806"/>
        <xdr:cNvSpPr txBox="1"/>
      </xdr:nvSpPr>
      <xdr:spPr>
        <a:xfrm>
          <a:off x="18421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15074</xdr:rowOff>
    </xdr:from>
    <xdr:to>
      <xdr:col>116</xdr:col>
      <xdr:colOff>114300</xdr:colOff>
      <xdr:row>59</xdr:row>
      <xdr:rowOff>45224</xdr:rowOff>
    </xdr:to>
    <xdr:sp macro="" textlink="">
      <xdr:nvSpPr>
        <xdr:cNvPr id="813" name="楕円 812"/>
        <xdr:cNvSpPr/>
      </xdr:nvSpPr>
      <xdr:spPr>
        <a:xfrm>
          <a:off x="22110700" y="10059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5231</xdr:rowOff>
    </xdr:from>
    <xdr:ext cx="469744" cy="259045"/>
    <xdr:sp macro="" textlink="">
      <xdr:nvSpPr>
        <xdr:cNvPr id="814" name="貸付金該当値テキスト"/>
        <xdr:cNvSpPr txBox="1"/>
      </xdr:nvSpPr>
      <xdr:spPr>
        <a:xfrm>
          <a:off x="22212300" y="10009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5" name="楕円 814"/>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16" name="テキスト ボックス 815"/>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7" name="楕円 816"/>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18" name="テキスト ボックス 817"/>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9" name="楕円 818"/>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20" name="テキスト ボックス 819"/>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4090</xdr:rowOff>
    </xdr:from>
    <xdr:to>
      <xdr:col>98</xdr:col>
      <xdr:colOff>38100</xdr:colOff>
      <xdr:row>59</xdr:row>
      <xdr:rowOff>94240</xdr:rowOff>
    </xdr:to>
    <xdr:sp macro="" textlink="">
      <xdr:nvSpPr>
        <xdr:cNvPr id="821" name="楕円 820"/>
        <xdr:cNvSpPr/>
      </xdr:nvSpPr>
      <xdr:spPr>
        <a:xfrm>
          <a:off x="18605500" y="10108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85367</xdr:rowOff>
    </xdr:from>
    <xdr:ext cx="313932" cy="259045"/>
    <xdr:sp macro="" textlink="">
      <xdr:nvSpPr>
        <xdr:cNvPr id="822" name="テキスト ボックス 821"/>
        <xdr:cNvSpPr txBox="1"/>
      </xdr:nvSpPr>
      <xdr:spPr>
        <a:xfrm>
          <a:off x="18499333" y="1020091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3" name="テキスト ボックス 842"/>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4859</xdr:rowOff>
    </xdr:from>
    <xdr:to>
      <xdr:col>116</xdr:col>
      <xdr:colOff>62864</xdr:colOff>
      <xdr:row>79</xdr:row>
      <xdr:rowOff>24028</xdr:rowOff>
    </xdr:to>
    <xdr:cxnSp macro="">
      <xdr:nvCxnSpPr>
        <xdr:cNvPr id="847" name="直線コネクタ 846"/>
        <xdr:cNvCxnSpPr/>
      </xdr:nvCxnSpPr>
      <xdr:spPr>
        <a:xfrm flipV="1">
          <a:off x="22159595" y="12116359"/>
          <a:ext cx="1269" cy="145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7855</xdr:rowOff>
    </xdr:from>
    <xdr:ext cx="534377" cy="259045"/>
    <xdr:sp macro="" textlink="">
      <xdr:nvSpPr>
        <xdr:cNvPr id="848" name="繰出金最小値テキスト"/>
        <xdr:cNvSpPr txBox="1"/>
      </xdr:nvSpPr>
      <xdr:spPr>
        <a:xfrm>
          <a:off x="22212300" y="13572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4028</xdr:rowOff>
    </xdr:from>
    <xdr:to>
      <xdr:col>116</xdr:col>
      <xdr:colOff>152400</xdr:colOff>
      <xdr:row>79</xdr:row>
      <xdr:rowOff>24028</xdr:rowOff>
    </xdr:to>
    <xdr:cxnSp macro="">
      <xdr:nvCxnSpPr>
        <xdr:cNvPr id="849" name="直線コネクタ 848"/>
        <xdr:cNvCxnSpPr/>
      </xdr:nvCxnSpPr>
      <xdr:spPr>
        <a:xfrm>
          <a:off x="22072600" y="13568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1536</xdr:rowOff>
    </xdr:from>
    <xdr:ext cx="534377" cy="259045"/>
    <xdr:sp macro="" textlink="">
      <xdr:nvSpPr>
        <xdr:cNvPr id="850" name="繰出金最大値テキスト"/>
        <xdr:cNvSpPr txBox="1"/>
      </xdr:nvSpPr>
      <xdr:spPr>
        <a:xfrm>
          <a:off x="22212300" y="1189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4859</xdr:rowOff>
    </xdr:from>
    <xdr:to>
      <xdr:col>116</xdr:col>
      <xdr:colOff>152400</xdr:colOff>
      <xdr:row>70</xdr:row>
      <xdr:rowOff>114859</xdr:rowOff>
    </xdr:to>
    <xdr:cxnSp macro="">
      <xdr:nvCxnSpPr>
        <xdr:cNvPr id="851" name="直線コネクタ 850"/>
        <xdr:cNvCxnSpPr/>
      </xdr:nvCxnSpPr>
      <xdr:spPr>
        <a:xfrm>
          <a:off x="22072600" y="12116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02629</xdr:rowOff>
    </xdr:from>
    <xdr:to>
      <xdr:col>116</xdr:col>
      <xdr:colOff>63500</xdr:colOff>
      <xdr:row>75</xdr:row>
      <xdr:rowOff>25171</xdr:rowOff>
    </xdr:to>
    <xdr:cxnSp macro="">
      <xdr:nvCxnSpPr>
        <xdr:cNvPr id="852" name="直線コネクタ 851"/>
        <xdr:cNvCxnSpPr/>
      </xdr:nvCxnSpPr>
      <xdr:spPr>
        <a:xfrm flipV="1">
          <a:off x="21323300" y="12789929"/>
          <a:ext cx="838200" cy="93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70502</xdr:rowOff>
    </xdr:from>
    <xdr:ext cx="534377" cy="259045"/>
    <xdr:sp macro="" textlink="">
      <xdr:nvSpPr>
        <xdr:cNvPr id="853" name="繰出金平均値テキスト"/>
        <xdr:cNvSpPr txBox="1"/>
      </xdr:nvSpPr>
      <xdr:spPr>
        <a:xfrm>
          <a:off x="22212300" y="128578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0625</xdr:rowOff>
    </xdr:from>
    <xdr:to>
      <xdr:col>116</xdr:col>
      <xdr:colOff>114300</xdr:colOff>
      <xdr:row>75</xdr:row>
      <xdr:rowOff>122225</xdr:rowOff>
    </xdr:to>
    <xdr:sp macro="" textlink="">
      <xdr:nvSpPr>
        <xdr:cNvPr id="854" name="フローチャート: 判断 853"/>
        <xdr:cNvSpPr/>
      </xdr:nvSpPr>
      <xdr:spPr>
        <a:xfrm>
          <a:off x="22110700" y="1287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25171</xdr:rowOff>
    </xdr:from>
    <xdr:to>
      <xdr:col>111</xdr:col>
      <xdr:colOff>177800</xdr:colOff>
      <xdr:row>75</xdr:row>
      <xdr:rowOff>43535</xdr:rowOff>
    </xdr:to>
    <xdr:cxnSp macro="">
      <xdr:nvCxnSpPr>
        <xdr:cNvPr id="855" name="直線コネクタ 854"/>
        <xdr:cNvCxnSpPr/>
      </xdr:nvCxnSpPr>
      <xdr:spPr>
        <a:xfrm flipV="1">
          <a:off x="20434300" y="12883921"/>
          <a:ext cx="889000" cy="18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7602</xdr:rowOff>
    </xdr:from>
    <xdr:to>
      <xdr:col>112</xdr:col>
      <xdr:colOff>38100</xdr:colOff>
      <xdr:row>75</xdr:row>
      <xdr:rowOff>169202</xdr:rowOff>
    </xdr:to>
    <xdr:sp macro="" textlink="">
      <xdr:nvSpPr>
        <xdr:cNvPr id="856" name="フローチャート: 判断 855"/>
        <xdr:cNvSpPr/>
      </xdr:nvSpPr>
      <xdr:spPr>
        <a:xfrm>
          <a:off x="21272500" y="1292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60329</xdr:rowOff>
    </xdr:from>
    <xdr:ext cx="534377" cy="259045"/>
    <xdr:sp macro="" textlink="">
      <xdr:nvSpPr>
        <xdr:cNvPr id="857" name="テキスト ボックス 856"/>
        <xdr:cNvSpPr txBox="1"/>
      </xdr:nvSpPr>
      <xdr:spPr>
        <a:xfrm>
          <a:off x="21056111" y="13019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08191</xdr:rowOff>
    </xdr:from>
    <xdr:to>
      <xdr:col>107</xdr:col>
      <xdr:colOff>50800</xdr:colOff>
      <xdr:row>75</xdr:row>
      <xdr:rowOff>43535</xdr:rowOff>
    </xdr:to>
    <xdr:cxnSp macro="">
      <xdr:nvCxnSpPr>
        <xdr:cNvPr id="858" name="直線コネクタ 857"/>
        <xdr:cNvCxnSpPr/>
      </xdr:nvCxnSpPr>
      <xdr:spPr>
        <a:xfrm>
          <a:off x="19545300" y="12795491"/>
          <a:ext cx="889000" cy="106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9850</xdr:rowOff>
    </xdr:from>
    <xdr:to>
      <xdr:col>107</xdr:col>
      <xdr:colOff>101600</xdr:colOff>
      <xdr:row>76</xdr:row>
      <xdr:rowOff>0</xdr:rowOff>
    </xdr:to>
    <xdr:sp macro="" textlink="">
      <xdr:nvSpPr>
        <xdr:cNvPr id="859" name="フローチャート: 判断 858"/>
        <xdr:cNvSpPr/>
      </xdr:nvSpPr>
      <xdr:spPr>
        <a:xfrm>
          <a:off x="203835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62577</xdr:rowOff>
    </xdr:from>
    <xdr:ext cx="534377" cy="259045"/>
    <xdr:sp macro="" textlink="">
      <xdr:nvSpPr>
        <xdr:cNvPr id="860" name="テキスト ボックス 859"/>
        <xdr:cNvSpPr txBox="1"/>
      </xdr:nvSpPr>
      <xdr:spPr>
        <a:xfrm>
          <a:off x="20167111" y="13021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08039</xdr:rowOff>
    </xdr:from>
    <xdr:to>
      <xdr:col>102</xdr:col>
      <xdr:colOff>114300</xdr:colOff>
      <xdr:row>74</xdr:row>
      <xdr:rowOff>108191</xdr:rowOff>
    </xdr:to>
    <xdr:cxnSp macro="">
      <xdr:nvCxnSpPr>
        <xdr:cNvPr id="861" name="直線コネクタ 860"/>
        <xdr:cNvCxnSpPr/>
      </xdr:nvCxnSpPr>
      <xdr:spPr>
        <a:xfrm>
          <a:off x="18656300" y="12795339"/>
          <a:ext cx="8890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9975</xdr:rowOff>
    </xdr:from>
    <xdr:to>
      <xdr:col>102</xdr:col>
      <xdr:colOff>165100</xdr:colOff>
      <xdr:row>75</xdr:row>
      <xdr:rowOff>80125</xdr:rowOff>
    </xdr:to>
    <xdr:sp macro="" textlink="">
      <xdr:nvSpPr>
        <xdr:cNvPr id="862" name="フローチャート: 判断 861"/>
        <xdr:cNvSpPr/>
      </xdr:nvSpPr>
      <xdr:spPr>
        <a:xfrm>
          <a:off x="19494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1252</xdr:rowOff>
    </xdr:from>
    <xdr:ext cx="534377" cy="259045"/>
    <xdr:sp macro="" textlink="">
      <xdr:nvSpPr>
        <xdr:cNvPr id="863" name="テキスト ボックス 862"/>
        <xdr:cNvSpPr txBox="1"/>
      </xdr:nvSpPr>
      <xdr:spPr>
        <a:xfrm>
          <a:off x="19278111" y="12930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4338</xdr:rowOff>
    </xdr:from>
    <xdr:to>
      <xdr:col>98</xdr:col>
      <xdr:colOff>38100</xdr:colOff>
      <xdr:row>75</xdr:row>
      <xdr:rowOff>94488</xdr:rowOff>
    </xdr:to>
    <xdr:sp macro="" textlink="">
      <xdr:nvSpPr>
        <xdr:cNvPr id="864" name="フローチャート: 判断 863"/>
        <xdr:cNvSpPr/>
      </xdr:nvSpPr>
      <xdr:spPr>
        <a:xfrm>
          <a:off x="18605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5615</xdr:rowOff>
    </xdr:from>
    <xdr:ext cx="534377" cy="259045"/>
    <xdr:sp macro="" textlink="">
      <xdr:nvSpPr>
        <xdr:cNvPr id="865" name="テキスト ボックス 864"/>
        <xdr:cNvSpPr txBox="1"/>
      </xdr:nvSpPr>
      <xdr:spPr>
        <a:xfrm>
          <a:off x="18389111" y="12944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51829</xdr:rowOff>
    </xdr:from>
    <xdr:to>
      <xdr:col>116</xdr:col>
      <xdr:colOff>114300</xdr:colOff>
      <xdr:row>74</xdr:row>
      <xdr:rowOff>153429</xdr:rowOff>
    </xdr:to>
    <xdr:sp macro="" textlink="">
      <xdr:nvSpPr>
        <xdr:cNvPr id="871" name="楕円 870"/>
        <xdr:cNvSpPr/>
      </xdr:nvSpPr>
      <xdr:spPr>
        <a:xfrm>
          <a:off x="22110700" y="12739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74706</xdr:rowOff>
    </xdr:from>
    <xdr:ext cx="534377" cy="259045"/>
    <xdr:sp macro="" textlink="">
      <xdr:nvSpPr>
        <xdr:cNvPr id="872" name="繰出金該当値テキスト"/>
        <xdr:cNvSpPr txBox="1"/>
      </xdr:nvSpPr>
      <xdr:spPr>
        <a:xfrm>
          <a:off x="22212300" y="12590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45821</xdr:rowOff>
    </xdr:from>
    <xdr:to>
      <xdr:col>112</xdr:col>
      <xdr:colOff>38100</xdr:colOff>
      <xdr:row>75</xdr:row>
      <xdr:rowOff>75971</xdr:rowOff>
    </xdr:to>
    <xdr:sp macro="" textlink="">
      <xdr:nvSpPr>
        <xdr:cNvPr id="873" name="楕円 872"/>
        <xdr:cNvSpPr/>
      </xdr:nvSpPr>
      <xdr:spPr>
        <a:xfrm>
          <a:off x="21272500" y="12833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92498</xdr:rowOff>
    </xdr:from>
    <xdr:ext cx="534377" cy="259045"/>
    <xdr:sp macro="" textlink="">
      <xdr:nvSpPr>
        <xdr:cNvPr id="874" name="テキスト ボックス 873"/>
        <xdr:cNvSpPr txBox="1"/>
      </xdr:nvSpPr>
      <xdr:spPr>
        <a:xfrm>
          <a:off x="21056111" y="12608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64185</xdr:rowOff>
    </xdr:from>
    <xdr:to>
      <xdr:col>107</xdr:col>
      <xdr:colOff>101600</xdr:colOff>
      <xdr:row>75</xdr:row>
      <xdr:rowOff>94335</xdr:rowOff>
    </xdr:to>
    <xdr:sp macro="" textlink="">
      <xdr:nvSpPr>
        <xdr:cNvPr id="875" name="楕円 874"/>
        <xdr:cNvSpPr/>
      </xdr:nvSpPr>
      <xdr:spPr>
        <a:xfrm>
          <a:off x="20383500" y="1285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10862</xdr:rowOff>
    </xdr:from>
    <xdr:ext cx="534377" cy="259045"/>
    <xdr:sp macro="" textlink="">
      <xdr:nvSpPr>
        <xdr:cNvPr id="876" name="テキスト ボックス 875"/>
        <xdr:cNvSpPr txBox="1"/>
      </xdr:nvSpPr>
      <xdr:spPr>
        <a:xfrm>
          <a:off x="20167111" y="12626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57391</xdr:rowOff>
    </xdr:from>
    <xdr:to>
      <xdr:col>102</xdr:col>
      <xdr:colOff>165100</xdr:colOff>
      <xdr:row>74</xdr:row>
      <xdr:rowOff>158991</xdr:rowOff>
    </xdr:to>
    <xdr:sp macro="" textlink="">
      <xdr:nvSpPr>
        <xdr:cNvPr id="877" name="楕円 876"/>
        <xdr:cNvSpPr/>
      </xdr:nvSpPr>
      <xdr:spPr>
        <a:xfrm>
          <a:off x="19494500" y="12744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4068</xdr:rowOff>
    </xdr:from>
    <xdr:ext cx="534377" cy="259045"/>
    <xdr:sp macro="" textlink="">
      <xdr:nvSpPr>
        <xdr:cNvPr id="878" name="テキスト ボックス 877"/>
        <xdr:cNvSpPr txBox="1"/>
      </xdr:nvSpPr>
      <xdr:spPr>
        <a:xfrm>
          <a:off x="19278111" y="12519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7239</xdr:rowOff>
    </xdr:from>
    <xdr:to>
      <xdr:col>98</xdr:col>
      <xdr:colOff>38100</xdr:colOff>
      <xdr:row>74</xdr:row>
      <xdr:rowOff>158839</xdr:rowOff>
    </xdr:to>
    <xdr:sp macro="" textlink="">
      <xdr:nvSpPr>
        <xdr:cNvPr id="879" name="楕円 878"/>
        <xdr:cNvSpPr/>
      </xdr:nvSpPr>
      <xdr:spPr>
        <a:xfrm>
          <a:off x="18605500" y="12744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3916</xdr:rowOff>
    </xdr:from>
    <xdr:ext cx="534377" cy="259045"/>
    <xdr:sp macro="" textlink="">
      <xdr:nvSpPr>
        <xdr:cNvPr id="880" name="テキスト ボックス 879"/>
        <xdr:cNvSpPr txBox="1"/>
      </xdr:nvSpPr>
      <xdr:spPr>
        <a:xfrm>
          <a:off x="18389111" y="12519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歳出決算総額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34,358</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っている。義務的経費のうち扶助費は、子育て世帯や非課税世帯への臨時特別給付金や児童手当の減などにより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4,233</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46,78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ったものの、類似団体との比較において依然として高い水準にある。公債費は、平成</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に借入れを行った臨時財政対策債などの償還が開始されたことから、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37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9,600</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った。人件費は、</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会計年度任用職員報酬や期末手当の増などはあるものの、</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一般職給の減などにより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40</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0,910</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った。物件費については、燃料費高騰に伴う光熱費の増や予防接種事業の増などにより、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2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4,984</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った。普通建設事業費は、都市計画道路３・４・１号整備事業などの減により、新規整備については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510</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98</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り、総合スポーツセンター外壁等改修工事の増などにより、更新整備については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11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9,262</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った。今後も、都市計画道路３・４・１号整備事業をはじめとする大規模建設事業により、一定程度の事業費が見込まれる。新規整備については、公共施設等総合管理計画における基本方針に基づき、最小限にとどめ、中長期的な財政見通しのもと、計画的な実施を図る。繰出金については、中神土地区画整理事業特別会計繰出金や後期高齢者医療特別会計繰出金の増などにより、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46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増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0,973</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った。今後も高齢化に伴う法定繰出分の増加等が見込まれるため、赤字補塡分も含めた繰出金の抑制により、財政基盤の強化に努める。 </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昭島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4,259
111,346
17.34
52,147,529
49,629,263
2,378,040
22,984,135
16,226,8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34801</xdr:rowOff>
    </xdr:from>
    <xdr:to>
      <xdr:col>24</xdr:col>
      <xdr:colOff>62865</xdr:colOff>
      <xdr:row>38</xdr:row>
      <xdr:rowOff>142966</xdr:rowOff>
    </xdr:to>
    <xdr:cxnSp macro="">
      <xdr:nvCxnSpPr>
        <xdr:cNvPr id="58" name="直線コネクタ 57"/>
        <xdr:cNvCxnSpPr/>
      </xdr:nvCxnSpPr>
      <xdr:spPr>
        <a:xfrm flipV="1">
          <a:off x="4633595" y="5106851"/>
          <a:ext cx="127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81478</xdr:rowOff>
    </xdr:from>
    <xdr:ext cx="469744" cy="259045"/>
    <xdr:sp macro="" textlink="">
      <xdr:nvSpPr>
        <xdr:cNvPr id="61" name="議会費最大値テキスト"/>
        <xdr:cNvSpPr txBox="1"/>
      </xdr:nvSpPr>
      <xdr:spPr>
        <a:xfrm>
          <a:off x="4686300" y="4882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34801</xdr:rowOff>
    </xdr:from>
    <xdr:to>
      <xdr:col>24</xdr:col>
      <xdr:colOff>152400</xdr:colOff>
      <xdr:row>29</xdr:row>
      <xdr:rowOff>134801</xdr:rowOff>
    </xdr:to>
    <xdr:cxnSp macro="">
      <xdr:nvCxnSpPr>
        <xdr:cNvPr id="62" name="直線コネクタ 61"/>
        <xdr:cNvCxnSpPr/>
      </xdr:nvCxnSpPr>
      <xdr:spPr>
        <a:xfrm>
          <a:off x="4546600" y="5106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62016</xdr:rowOff>
    </xdr:from>
    <xdr:to>
      <xdr:col>24</xdr:col>
      <xdr:colOff>63500</xdr:colOff>
      <xdr:row>32</xdr:row>
      <xdr:rowOff>36286</xdr:rowOff>
    </xdr:to>
    <xdr:cxnSp macro="">
      <xdr:nvCxnSpPr>
        <xdr:cNvPr id="63" name="直線コネクタ 62"/>
        <xdr:cNvCxnSpPr/>
      </xdr:nvCxnSpPr>
      <xdr:spPr>
        <a:xfrm>
          <a:off x="3797300" y="5476966"/>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68416</xdr:rowOff>
    </xdr:from>
    <xdr:ext cx="469744" cy="259045"/>
    <xdr:sp macro="" textlink="">
      <xdr:nvSpPr>
        <xdr:cNvPr id="64" name="議会費平均値テキスト"/>
        <xdr:cNvSpPr txBox="1"/>
      </xdr:nvSpPr>
      <xdr:spPr>
        <a:xfrm>
          <a:off x="4686300" y="58977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9989</xdr:rowOff>
    </xdr:from>
    <xdr:to>
      <xdr:col>24</xdr:col>
      <xdr:colOff>114300</xdr:colOff>
      <xdr:row>35</xdr:row>
      <xdr:rowOff>20139</xdr:rowOff>
    </xdr:to>
    <xdr:sp macro="" textlink="">
      <xdr:nvSpPr>
        <xdr:cNvPr id="65" name="フローチャート: 判断 64"/>
        <xdr:cNvSpPr/>
      </xdr:nvSpPr>
      <xdr:spPr>
        <a:xfrm>
          <a:off x="4584700" y="5919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162016</xdr:rowOff>
    </xdr:from>
    <xdr:to>
      <xdr:col>19</xdr:col>
      <xdr:colOff>177800</xdr:colOff>
      <xdr:row>32</xdr:row>
      <xdr:rowOff>61323</xdr:rowOff>
    </xdr:to>
    <xdr:cxnSp macro="">
      <xdr:nvCxnSpPr>
        <xdr:cNvPr id="66" name="直線コネクタ 65"/>
        <xdr:cNvCxnSpPr/>
      </xdr:nvCxnSpPr>
      <xdr:spPr>
        <a:xfrm flipV="1">
          <a:off x="2908300" y="5476966"/>
          <a:ext cx="889000" cy="70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70394</xdr:rowOff>
    </xdr:from>
    <xdr:to>
      <xdr:col>20</xdr:col>
      <xdr:colOff>38100</xdr:colOff>
      <xdr:row>35</xdr:row>
      <xdr:rowOff>544</xdr:rowOff>
    </xdr:to>
    <xdr:sp macro="" textlink="">
      <xdr:nvSpPr>
        <xdr:cNvPr id="67" name="フローチャート: 判断 66"/>
        <xdr:cNvSpPr/>
      </xdr:nvSpPr>
      <xdr:spPr>
        <a:xfrm>
          <a:off x="3746500" y="5899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63121</xdr:rowOff>
    </xdr:from>
    <xdr:ext cx="469744" cy="259045"/>
    <xdr:sp macro="" textlink="">
      <xdr:nvSpPr>
        <xdr:cNvPr id="68" name="テキスト ボックス 67"/>
        <xdr:cNvSpPr txBox="1"/>
      </xdr:nvSpPr>
      <xdr:spPr>
        <a:xfrm>
          <a:off x="3562428" y="5992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34108</xdr:rowOff>
    </xdr:from>
    <xdr:to>
      <xdr:col>15</xdr:col>
      <xdr:colOff>50800</xdr:colOff>
      <xdr:row>32</xdr:row>
      <xdr:rowOff>61323</xdr:rowOff>
    </xdr:to>
    <xdr:cxnSp macro="">
      <xdr:nvCxnSpPr>
        <xdr:cNvPr id="69" name="直線コネクタ 68"/>
        <xdr:cNvCxnSpPr/>
      </xdr:nvCxnSpPr>
      <xdr:spPr>
        <a:xfrm>
          <a:off x="2019300" y="5520508"/>
          <a:ext cx="889000" cy="27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80192</xdr:rowOff>
    </xdr:from>
    <xdr:to>
      <xdr:col>15</xdr:col>
      <xdr:colOff>101600</xdr:colOff>
      <xdr:row>35</xdr:row>
      <xdr:rowOff>10342</xdr:rowOff>
    </xdr:to>
    <xdr:sp macro="" textlink="">
      <xdr:nvSpPr>
        <xdr:cNvPr id="70" name="フローチャート: 判断 69"/>
        <xdr:cNvSpPr/>
      </xdr:nvSpPr>
      <xdr:spPr>
        <a:xfrm>
          <a:off x="2857500" y="5909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469</xdr:rowOff>
    </xdr:from>
    <xdr:ext cx="469744" cy="259045"/>
    <xdr:sp macro="" textlink="">
      <xdr:nvSpPr>
        <xdr:cNvPr id="71" name="テキスト ボックス 70"/>
        <xdr:cNvSpPr txBox="1"/>
      </xdr:nvSpPr>
      <xdr:spPr>
        <a:xfrm>
          <a:off x="2673428" y="6002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34108</xdr:rowOff>
    </xdr:from>
    <xdr:to>
      <xdr:col>10</xdr:col>
      <xdr:colOff>114300</xdr:colOff>
      <xdr:row>32</xdr:row>
      <xdr:rowOff>142966</xdr:rowOff>
    </xdr:to>
    <xdr:cxnSp macro="">
      <xdr:nvCxnSpPr>
        <xdr:cNvPr id="72" name="直線コネクタ 71"/>
        <xdr:cNvCxnSpPr/>
      </xdr:nvCxnSpPr>
      <xdr:spPr>
        <a:xfrm flipV="1">
          <a:off x="1130300" y="5520508"/>
          <a:ext cx="889000" cy="108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8143</xdr:rowOff>
    </xdr:from>
    <xdr:to>
      <xdr:col>10</xdr:col>
      <xdr:colOff>165100</xdr:colOff>
      <xdr:row>34</xdr:row>
      <xdr:rowOff>119743</xdr:rowOff>
    </xdr:to>
    <xdr:sp macro="" textlink="">
      <xdr:nvSpPr>
        <xdr:cNvPr id="73" name="フローチャート: 判断 72"/>
        <xdr:cNvSpPr/>
      </xdr:nvSpPr>
      <xdr:spPr>
        <a:xfrm>
          <a:off x="1968500" y="5847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10870</xdr:rowOff>
    </xdr:from>
    <xdr:ext cx="469744" cy="259045"/>
    <xdr:sp macro="" textlink="">
      <xdr:nvSpPr>
        <xdr:cNvPr id="74" name="テキスト ボックス 73"/>
        <xdr:cNvSpPr txBox="1"/>
      </xdr:nvSpPr>
      <xdr:spPr>
        <a:xfrm>
          <a:off x="1784428" y="5940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8227</xdr:rowOff>
    </xdr:from>
    <xdr:to>
      <xdr:col>6</xdr:col>
      <xdr:colOff>38100</xdr:colOff>
      <xdr:row>34</xdr:row>
      <xdr:rowOff>78377</xdr:rowOff>
    </xdr:to>
    <xdr:sp macro="" textlink="">
      <xdr:nvSpPr>
        <xdr:cNvPr id="75" name="フローチャート: 判断 74"/>
        <xdr:cNvSpPr/>
      </xdr:nvSpPr>
      <xdr:spPr>
        <a:xfrm>
          <a:off x="1079500" y="580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9504</xdr:rowOff>
    </xdr:from>
    <xdr:ext cx="469744" cy="259045"/>
    <xdr:sp macro="" textlink="">
      <xdr:nvSpPr>
        <xdr:cNvPr id="76" name="テキスト ボックス 75"/>
        <xdr:cNvSpPr txBox="1"/>
      </xdr:nvSpPr>
      <xdr:spPr>
        <a:xfrm>
          <a:off x="895428" y="5898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56936</xdr:rowOff>
    </xdr:from>
    <xdr:to>
      <xdr:col>24</xdr:col>
      <xdr:colOff>114300</xdr:colOff>
      <xdr:row>32</xdr:row>
      <xdr:rowOff>87086</xdr:rowOff>
    </xdr:to>
    <xdr:sp macro="" textlink="">
      <xdr:nvSpPr>
        <xdr:cNvPr id="82" name="楕円 81"/>
        <xdr:cNvSpPr/>
      </xdr:nvSpPr>
      <xdr:spPr>
        <a:xfrm>
          <a:off x="4584700" y="5471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8363</xdr:rowOff>
    </xdr:from>
    <xdr:ext cx="469744" cy="259045"/>
    <xdr:sp macro="" textlink="">
      <xdr:nvSpPr>
        <xdr:cNvPr id="83" name="議会費該当値テキスト"/>
        <xdr:cNvSpPr txBox="1"/>
      </xdr:nvSpPr>
      <xdr:spPr>
        <a:xfrm>
          <a:off x="4686300" y="5323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11216</xdr:rowOff>
    </xdr:from>
    <xdr:to>
      <xdr:col>20</xdr:col>
      <xdr:colOff>38100</xdr:colOff>
      <xdr:row>32</xdr:row>
      <xdr:rowOff>41366</xdr:rowOff>
    </xdr:to>
    <xdr:sp macro="" textlink="">
      <xdr:nvSpPr>
        <xdr:cNvPr id="84" name="楕円 83"/>
        <xdr:cNvSpPr/>
      </xdr:nvSpPr>
      <xdr:spPr>
        <a:xfrm>
          <a:off x="3746500" y="5426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57893</xdr:rowOff>
    </xdr:from>
    <xdr:ext cx="469744" cy="259045"/>
    <xdr:sp macro="" textlink="">
      <xdr:nvSpPr>
        <xdr:cNvPr id="85" name="テキスト ボックス 84"/>
        <xdr:cNvSpPr txBox="1"/>
      </xdr:nvSpPr>
      <xdr:spPr>
        <a:xfrm>
          <a:off x="3562428" y="5201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0523</xdr:rowOff>
    </xdr:from>
    <xdr:to>
      <xdr:col>15</xdr:col>
      <xdr:colOff>101600</xdr:colOff>
      <xdr:row>32</xdr:row>
      <xdr:rowOff>112123</xdr:rowOff>
    </xdr:to>
    <xdr:sp macro="" textlink="">
      <xdr:nvSpPr>
        <xdr:cNvPr id="86" name="楕円 85"/>
        <xdr:cNvSpPr/>
      </xdr:nvSpPr>
      <xdr:spPr>
        <a:xfrm>
          <a:off x="2857500" y="5496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128650</xdr:rowOff>
    </xdr:from>
    <xdr:ext cx="469744" cy="259045"/>
    <xdr:sp macro="" textlink="">
      <xdr:nvSpPr>
        <xdr:cNvPr id="87" name="テキスト ボックス 86"/>
        <xdr:cNvSpPr txBox="1"/>
      </xdr:nvSpPr>
      <xdr:spPr>
        <a:xfrm>
          <a:off x="2673428" y="5272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54758</xdr:rowOff>
    </xdr:from>
    <xdr:to>
      <xdr:col>10</xdr:col>
      <xdr:colOff>165100</xdr:colOff>
      <xdr:row>32</xdr:row>
      <xdr:rowOff>84908</xdr:rowOff>
    </xdr:to>
    <xdr:sp macro="" textlink="">
      <xdr:nvSpPr>
        <xdr:cNvPr id="88" name="楕円 87"/>
        <xdr:cNvSpPr/>
      </xdr:nvSpPr>
      <xdr:spPr>
        <a:xfrm>
          <a:off x="1968500" y="5469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101435</xdr:rowOff>
    </xdr:from>
    <xdr:ext cx="469744" cy="259045"/>
    <xdr:sp macro="" textlink="">
      <xdr:nvSpPr>
        <xdr:cNvPr id="89" name="テキスト ボックス 88"/>
        <xdr:cNvSpPr txBox="1"/>
      </xdr:nvSpPr>
      <xdr:spPr>
        <a:xfrm>
          <a:off x="1784428" y="5244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92166</xdr:rowOff>
    </xdr:from>
    <xdr:to>
      <xdr:col>6</xdr:col>
      <xdr:colOff>38100</xdr:colOff>
      <xdr:row>33</xdr:row>
      <xdr:rowOff>22316</xdr:rowOff>
    </xdr:to>
    <xdr:sp macro="" textlink="">
      <xdr:nvSpPr>
        <xdr:cNvPr id="90" name="楕円 89"/>
        <xdr:cNvSpPr/>
      </xdr:nvSpPr>
      <xdr:spPr>
        <a:xfrm>
          <a:off x="1079500" y="5578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38843</xdr:rowOff>
    </xdr:from>
    <xdr:ext cx="469744" cy="259045"/>
    <xdr:sp macro="" textlink="">
      <xdr:nvSpPr>
        <xdr:cNvPr id="91" name="テキスト ボックス 90"/>
        <xdr:cNvSpPr txBox="1"/>
      </xdr:nvSpPr>
      <xdr:spPr>
        <a:xfrm>
          <a:off x="895428" y="5353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2" name="直線コネクタ 101"/>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3" name="テキスト ボックス 102"/>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4" name="直線コネクタ 103"/>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5" name="テキスト ボックス 104"/>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6" name="直線コネクタ 105"/>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7" name="テキスト ボックス 106"/>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8" name="直線コネクタ 107"/>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9" name="テキスト ボックス 108"/>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277</xdr:rowOff>
    </xdr:from>
    <xdr:to>
      <xdr:col>24</xdr:col>
      <xdr:colOff>62865</xdr:colOff>
      <xdr:row>57</xdr:row>
      <xdr:rowOff>164704</xdr:rowOff>
    </xdr:to>
    <xdr:cxnSp macro="">
      <xdr:nvCxnSpPr>
        <xdr:cNvPr id="113" name="直線コネクタ 112"/>
        <xdr:cNvCxnSpPr/>
      </xdr:nvCxnSpPr>
      <xdr:spPr>
        <a:xfrm flipV="1">
          <a:off x="4633595" y="8823227"/>
          <a:ext cx="1270" cy="1114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8531</xdr:rowOff>
    </xdr:from>
    <xdr:ext cx="534377" cy="259045"/>
    <xdr:sp macro="" textlink="">
      <xdr:nvSpPr>
        <xdr:cNvPr id="114" name="総務費最小値テキスト"/>
        <xdr:cNvSpPr txBox="1"/>
      </xdr:nvSpPr>
      <xdr:spPr>
        <a:xfrm>
          <a:off x="4686300" y="9941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64704</xdr:rowOff>
    </xdr:from>
    <xdr:to>
      <xdr:col>24</xdr:col>
      <xdr:colOff>152400</xdr:colOff>
      <xdr:row>57</xdr:row>
      <xdr:rowOff>164704</xdr:rowOff>
    </xdr:to>
    <xdr:cxnSp macro="">
      <xdr:nvCxnSpPr>
        <xdr:cNvPr id="115" name="直線コネクタ 114"/>
        <xdr:cNvCxnSpPr/>
      </xdr:nvCxnSpPr>
      <xdr:spPr>
        <a:xfrm>
          <a:off x="4546600" y="9937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5954</xdr:rowOff>
    </xdr:from>
    <xdr:ext cx="599010" cy="259045"/>
    <xdr:sp macro="" textlink="">
      <xdr:nvSpPr>
        <xdr:cNvPr id="116" name="総務費最大値テキスト"/>
        <xdr:cNvSpPr txBox="1"/>
      </xdr:nvSpPr>
      <xdr:spPr>
        <a:xfrm>
          <a:off x="4686300" y="85984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7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79277</xdr:rowOff>
    </xdr:from>
    <xdr:to>
      <xdr:col>24</xdr:col>
      <xdr:colOff>152400</xdr:colOff>
      <xdr:row>51</xdr:row>
      <xdr:rowOff>79277</xdr:rowOff>
    </xdr:to>
    <xdr:cxnSp macro="">
      <xdr:nvCxnSpPr>
        <xdr:cNvPr id="117" name="直線コネクタ 116"/>
        <xdr:cNvCxnSpPr/>
      </xdr:nvCxnSpPr>
      <xdr:spPr>
        <a:xfrm>
          <a:off x="4546600" y="88232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4410</xdr:rowOff>
    </xdr:from>
    <xdr:to>
      <xdr:col>24</xdr:col>
      <xdr:colOff>63500</xdr:colOff>
      <xdr:row>57</xdr:row>
      <xdr:rowOff>71637</xdr:rowOff>
    </xdr:to>
    <xdr:cxnSp macro="">
      <xdr:nvCxnSpPr>
        <xdr:cNvPr id="118" name="直線コネクタ 117"/>
        <xdr:cNvCxnSpPr/>
      </xdr:nvCxnSpPr>
      <xdr:spPr>
        <a:xfrm>
          <a:off x="3797300" y="9817060"/>
          <a:ext cx="838200" cy="27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2337</xdr:rowOff>
    </xdr:from>
    <xdr:ext cx="534377" cy="259045"/>
    <xdr:sp macro="" textlink="">
      <xdr:nvSpPr>
        <xdr:cNvPr id="119" name="総務費平均値テキスト"/>
        <xdr:cNvSpPr txBox="1"/>
      </xdr:nvSpPr>
      <xdr:spPr>
        <a:xfrm>
          <a:off x="4686300" y="9603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0910</xdr:rowOff>
    </xdr:from>
    <xdr:to>
      <xdr:col>24</xdr:col>
      <xdr:colOff>114300</xdr:colOff>
      <xdr:row>57</xdr:row>
      <xdr:rowOff>81060</xdr:rowOff>
    </xdr:to>
    <xdr:sp macro="" textlink="">
      <xdr:nvSpPr>
        <xdr:cNvPr id="120" name="フローチャート: 判断 119"/>
        <xdr:cNvSpPr/>
      </xdr:nvSpPr>
      <xdr:spPr>
        <a:xfrm>
          <a:off x="4584700" y="975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65363</xdr:rowOff>
    </xdr:from>
    <xdr:to>
      <xdr:col>19</xdr:col>
      <xdr:colOff>177800</xdr:colOff>
      <xdr:row>57</xdr:row>
      <xdr:rowOff>44410</xdr:rowOff>
    </xdr:to>
    <xdr:cxnSp macro="">
      <xdr:nvCxnSpPr>
        <xdr:cNvPr id="121" name="直線コネクタ 120"/>
        <xdr:cNvCxnSpPr/>
      </xdr:nvCxnSpPr>
      <xdr:spPr>
        <a:xfrm>
          <a:off x="2908300" y="9423663"/>
          <a:ext cx="889000" cy="393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8015</xdr:rowOff>
    </xdr:from>
    <xdr:to>
      <xdr:col>20</xdr:col>
      <xdr:colOff>38100</xdr:colOff>
      <xdr:row>57</xdr:row>
      <xdr:rowOff>88165</xdr:rowOff>
    </xdr:to>
    <xdr:sp macro="" textlink="">
      <xdr:nvSpPr>
        <xdr:cNvPr id="122" name="フローチャート: 判断 121"/>
        <xdr:cNvSpPr/>
      </xdr:nvSpPr>
      <xdr:spPr>
        <a:xfrm>
          <a:off x="3746500" y="975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04692</xdr:rowOff>
    </xdr:from>
    <xdr:ext cx="534377" cy="259045"/>
    <xdr:sp macro="" textlink="">
      <xdr:nvSpPr>
        <xdr:cNvPr id="123" name="テキスト ボックス 122"/>
        <xdr:cNvSpPr txBox="1"/>
      </xdr:nvSpPr>
      <xdr:spPr>
        <a:xfrm>
          <a:off x="3530111" y="9534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65363</xdr:rowOff>
    </xdr:from>
    <xdr:to>
      <xdr:col>15</xdr:col>
      <xdr:colOff>50800</xdr:colOff>
      <xdr:row>57</xdr:row>
      <xdr:rowOff>81676</xdr:rowOff>
    </xdr:to>
    <xdr:cxnSp macro="">
      <xdr:nvCxnSpPr>
        <xdr:cNvPr id="124" name="直線コネクタ 123"/>
        <xdr:cNvCxnSpPr/>
      </xdr:nvCxnSpPr>
      <xdr:spPr>
        <a:xfrm flipV="1">
          <a:off x="2019300" y="9423663"/>
          <a:ext cx="889000" cy="430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89856</xdr:rowOff>
    </xdr:from>
    <xdr:to>
      <xdr:col>15</xdr:col>
      <xdr:colOff>101600</xdr:colOff>
      <xdr:row>55</xdr:row>
      <xdr:rowOff>20006</xdr:rowOff>
    </xdr:to>
    <xdr:sp macro="" textlink="">
      <xdr:nvSpPr>
        <xdr:cNvPr id="125" name="フローチャート: 判断 124"/>
        <xdr:cNvSpPr/>
      </xdr:nvSpPr>
      <xdr:spPr>
        <a:xfrm>
          <a:off x="2857500" y="9348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36533</xdr:rowOff>
    </xdr:from>
    <xdr:ext cx="599010" cy="259045"/>
    <xdr:sp macro="" textlink="">
      <xdr:nvSpPr>
        <xdr:cNvPr id="126" name="テキスト ボックス 125"/>
        <xdr:cNvSpPr txBox="1"/>
      </xdr:nvSpPr>
      <xdr:spPr>
        <a:xfrm>
          <a:off x="2608795" y="9123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1676</xdr:rowOff>
    </xdr:from>
    <xdr:to>
      <xdr:col>10</xdr:col>
      <xdr:colOff>114300</xdr:colOff>
      <xdr:row>57</xdr:row>
      <xdr:rowOff>118028</xdr:rowOff>
    </xdr:to>
    <xdr:cxnSp macro="">
      <xdr:nvCxnSpPr>
        <xdr:cNvPr id="127" name="直線コネクタ 126"/>
        <xdr:cNvCxnSpPr/>
      </xdr:nvCxnSpPr>
      <xdr:spPr>
        <a:xfrm flipV="1">
          <a:off x="1130300" y="9854326"/>
          <a:ext cx="889000" cy="36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2670</xdr:rowOff>
    </xdr:from>
    <xdr:to>
      <xdr:col>10</xdr:col>
      <xdr:colOff>165100</xdr:colOff>
      <xdr:row>57</xdr:row>
      <xdr:rowOff>124270</xdr:rowOff>
    </xdr:to>
    <xdr:sp macro="" textlink="">
      <xdr:nvSpPr>
        <xdr:cNvPr id="128" name="フローチャート: 判断 127"/>
        <xdr:cNvSpPr/>
      </xdr:nvSpPr>
      <xdr:spPr>
        <a:xfrm>
          <a:off x="1968500" y="979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0797</xdr:rowOff>
    </xdr:from>
    <xdr:ext cx="534377" cy="259045"/>
    <xdr:sp macro="" textlink="">
      <xdr:nvSpPr>
        <xdr:cNvPr id="129" name="テキスト ボックス 128"/>
        <xdr:cNvSpPr txBox="1"/>
      </xdr:nvSpPr>
      <xdr:spPr>
        <a:xfrm>
          <a:off x="1752111" y="9570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187</xdr:rowOff>
    </xdr:from>
    <xdr:to>
      <xdr:col>6</xdr:col>
      <xdr:colOff>38100</xdr:colOff>
      <xdr:row>57</xdr:row>
      <xdr:rowOff>106787</xdr:rowOff>
    </xdr:to>
    <xdr:sp macro="" textlink="">
      <xdr:nvSpPr>
        <xdr:cNvPr id="130" name="フローチャート: 判断 129"/>
        <xdr:cNvSpPr/>
      </xdr:nvSpPr>
      <xdr:spPr>
        <a:xfrm>
          <a:off x="1079500" y="9777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3314</xdr:rowOff>
    </xdr:from>
    <xdr:ext cx="534377" cy="259045"/>
    <xdr:sp macro="" textlink="">
      <xdr:nvSpPr>
        <xdr:cNvPr id="131" name="テキスト ボックス 130"/>
        <xdr:cNvSpPr txBox="1"/>
      </xdr:nvSpPr>
      <xdr:spPr>
        <a:xfrm>
          <a:off x="863111" y="9553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0837</xdr:rowOff>
    </xdr:from>
    <xdr:to>
      <xdr:col>24</xdr:col>
      <xdr:colOff>114300</xdr:colOff>
      <xdr:row>57</xdr:row>
      <xdr:rowOff>122437</xdr:rowOff>
    </xdr:to>
    <xdr:sp macro="" textlink="">
      <xdr:nvSpPr>
        <xdr:cNvPr id="137" name="楕円 136"/>
        <xdr:cNvSpPr/>
      </xdr:nvSpPr>
      <xdr:spPr>
        <a:xfrm>
          <a:off x="4584700" y="9793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29337</xdr:rowOff>
    </xdr:from>
    <xdr:ext cx="534377" cy="259045"/>
    <xdr:sp macro="" textlink="">
      <xdr:nvSpPr>
        <xdr:cNvPr id="138" name="総務費該当値テキスト"/>
        <xdr:cNvSpPr txBox="1"/>
      </xdr:nvSpPr>
      <xdr:spPr>
        <a:xfrm>
          <a:off x="4686300" y="9730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65060</xdr:rowOff>
    </xdr:from>
    <xdr:to>
      <xdr:col>20</xdr:col>
      <xdr:colOff>38100</xdr:colOff>
      <xdr:row>57</xdr:row>
      <xdr:rowOff>95210</xdr:rowOff>
    </xdr:to>
    <xdr:sp macro="" textlink="">
      <xdr:nvSpPr>
        <xdr:cNvPr id="139" name="楕円 138"/>
        <xdr:cNvSpPr/>
      </xdr:nvSpPr>
      <xdr:spPr>
        <a:xfrm>
          <a:off x="3746500" y="976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6337</xdr:rowOff>
    </xdr:from>
    <xdr:ext cx="534377" cy="259045"/>
    <xdr:sp macro="" textlink="">
      <xdr:nvSpPr>
        <xdr:cNvPr id="140" name="テキスト ボックス 139"/>
        <xdr:cNvSpPr txBox="1"/>
      </xdr:nvSpPr>
      <xdr:spPr>
        <a:xfrm>
          <a:off x="3530111" y="9858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14563</xdr:rowOff>
    </xdr:from>
    <xdr:to>
      <xdr:col>15</xdr:col>
      <xdr:colOff>101600</xdr:colOff>
      <xdr:row>55</xdr:row>
      <xdr:rowOff>44713</xdr:rowOff>
    </xdr:to>
    <xdr:sp macro="" textlink="">
      <xdr:nvSpPr>
        <xdr:cNvPr id="141" name="楕円 140"/>
        <xdr:cNvSpPr/>
      </xdr:nvSpPr>
      <xdr:spPr>
        <a:xfrm>
          <a:off x="2857500" y="9372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35840</xdr:rowOff>
    </xdr:from>
    <xdr:ext cx="599010" cy="259045"/>
    <xdr:sp macro="" textlink="">
      <xdr:nvSpPr>
        <xdr:cNvPr id="142" name="テキスト ボックス 141"/>
        <xdr:cNvSpPr txBox="1"/>
      </xdr:nvSpPr>
      <xdr:spPr>
        <a:xfrm>
          <a:off x="2608795" y="94655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0876</xdr:rowOff>
    </xdr:from>
    <xdr:to>
      <xdr:col>10</xdr:col>
      <xdr:colOff>165100</xdr:colOff>
      <xdr:row>57</xdr:row>
      <xdr:rowOff>132476</xdr:rowOff>
    </xdr:to>
    <xdr:sp macro="" textlink="">
      <xdr:nvSpPr>
        <xdr:cNvPr id="143" name="楕円 142"/>
        <xdr:cNvSpPr/>
      </xdr:nvSpPr>
      <xdr:spPr>
        <a:xfrm>
          <a:off x="1968500" y="9803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3603</xdr:rowOff>
    </xdr:from>
    <xdr:ext cx="534377" cy="259045"/>
    <xdr:sp macro="" textlink="">
      <xdr:nvSpPr>
        <xdr:cNvPr id="144" name="テキスト ボックス 143"/>
        <xdr:cNvSpPr txBox="1"/>
      </xdr:nvSpPr>
      <xdr:spPr>
        <a:xfrm>
          <a:off x="1752111" y="9896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7228</xdr:rowOff>
    </xdr:from>
    <xdr:to>
      <xdr:col>6</xdr:col>
      <xdr:colOff>38100</xdr:colOff>
      <xdr:row>57</xdr:row>
      <xdr:rowOff>168828</xdr:rowOff>
    </xdr:to>
    <xdr:sp macro="" textlink="">
      <xdr:nvSpPr>
        <xdr:cNvPr id="145" name="楕円 144"/>
        <xdr:cNvSpPr/>
      </xdr:nvSpPr>
      <xdr:spPr>
        <a:xfrm>
          <a:off x="1079500" y="9839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59955</xdr:rowOff>
    </xdr:from>
    <xdr:ext cx="534377" cy="259045"/>
    <xdr:sp macro="" textlink="">
      <xdr:nvSpPr>
        <xdr:cNvPr id="146" name="テキスト ボックス 145"/>
        <xdr:cNvSpPr txBox="1"/>
      </xdr:nvSpPr>
      <xdr:spPr>
        <a:xfrm>
          <a:off x="863111" y="9932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0081</xdr:rowOff>
    </xdr:from>
    <xdr:to>
      <xdr:col>24</xdr:col>
      <xdr:colOff>62865</xdr:colOff>
      <xdr:row>77</xdr:row>
      <xdr:rowOff>137857</xdr:rowOff>
    </xdr:to>
    <xdr:cxnSp macro="">
      <xdr:nvCxnSpPr>
        <xdr:cNvPr id="171" name="直線コネクタ 170"/>
        <xdr:cNvCxnSpPr/>
      </xdr:nvCxnSpPr>
      <xdr:spPr>
        <a:xfrm flipV="1">
          <a:off x="4633595" y="11970131"/>
          <a:ext cx="1270" cy="1369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1684</xdr:rowOff>
    </xdr:from>
    <xdr:ext cx="599010" cy="259045"/>
    <xdr:sp macro="" textlink="">
      <xdr:nvSpPr>
        <xdr:cNvPr id="172" name="民生費最小値テキスト"/>
        <xdr:cNvSpPr txBox="1"/>
      </xdr:nvSpPr>
      <xdr:spPr>
        <a:xfrm>
          <a:off x="4686300" y="13343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7857</xdr:rowOff>
    </xdr:from>
    <xdr:to>
      <xdr:col>24</xdr:col>
      <xdr:colOff>152400</xdr:colOff>
      <xdr:row>77</xdr:row>
      <xdr:rowOff>137857</xdr:rowOff>
    </xdr:to>
    <xdr:cxnSp macro="">
      <xdr:nvCxnSpPr>
        <xdr:cNvPr id="173" name="直線コネクタ 172"/>
        <xdr:cNvCxnSpPr/>
      </xdr:nvCxnSpPr>
      <xdr:spPr>
        <a:xfrm>
          <a:off x="4546600" y="13339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86758</xdr:rowOff>
    </xdr:from>
    <xdr:ext cx="599010" cy="259045"/>
    <xdr:sp macro="" textlink="">
      <xdr:nvSpPr>
        <xdr:cNvPr id="174" name="民生費最大値テキスト"/>
        <xdr:cNvSpPr txBox="1"/>
      </xdr:nvSpPr>
      <xdr:spPr>
        <a:xfrm>
          <a:off x="4686300" y="11745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45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0081</xdr:rowOff>
    </xdr:from>
    <xdr:to>
      <xdr:col>24</xdr:col>
      <xdr:colOff>152400</xdr:colOff>
      <xdr:row>69</xdr:row>
      <xdr:rowOff>140081</xdr:rowOff>
    </xdr:to>
    <xdr:cxnSp macro="">
      <xdr:nvCxnSpPr>
        <xdr:cNvPr id="175" name="直線コネクタ 174"/>
        <xdr:cNvCxnSpPr/>
      </xdr:nvCxnSpPr>
      <xdr:spPr>
        <a:xfrm>
          <a:off x="4546600" y="11970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136027</xdr:rowOff>
    </xdr:from>
    <xdr:to>
      <xdr:col>24</xdr:col>
      <xdr:colOff>63500</xdr:colOff>
      <xdr:row>74</xdr:row>
      <xdr:rowOff>12438</xdr:rowOff>
    </xdr:to>
    <xdr:cxnSp macro="">
      <xdr:nvCxnSpPr>
        <xdr:cNvPr id="176" name="直線コネクタ 175"/>
        <xdr:cNvCxnSpPr/>
      </xdr:nvCxnSpPr>
      <xdr:spPr>
        <a:xfrm>
          <a:off x="3797300" y="12651877"/>
          <a:ext cx="838200" cy="47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11127</xdr:rowOff>
    </xdr:from>
    <xdr:ext cx="599010" cy="259045"/>
    <xdr:sp macro="" textlink="">
      <xdr:nvSpPr>
        <xdr:cNvPr id="177" name="民生費平均値テキスト"/>
        <xdr:cNvSpPr txBox="1"/>
      </xdr:nvSpPr>
      <xdr:spPr>
        <a:xfrm>
          <a:off x="4686300" y="127984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2700</xdr:rowOff>
    </xdr:from>
    <xdr:to>
      <xdr:col>24</xdr:col>
      <xdr:colOff>114300</xdr:colOff>
      <xdr:row>75</xdr:row>
      <xdr:rowOff>62850</xdr:rowOff>
    </xdr:to>
    <xdr:sp macro="" textlink="">
      <xdr:nvSpPr>
        <xdr:cNvPr id="178" name="フローチャート: 判断 177"/>
        <xdr:cNvSpPr/>
      </xdr:nvSpPr>
      <xdr:spPr>
        <a:xfrm>
          <a:off x="4584700" y="1282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136027</xdr:rowOff>
    </xdr:from>
    <xdr:to>
      <xdr:col>19</xdr:col>
      <xdr:colOff>177800</xdr:colOff>
      <xdr:row>74</xdr:row>
      <xdr:rowOff>168923</xdr:rowOff>
    </xdr:to>
    <xdr:cxnSp macro="">
      <xdr:nvCxnSpPr>
        <xdr:cNvPr id="179" name="直線コネクタ 178"/>
        <xdr:cNvCxnSpPr/>
      </xdr:nvCxnSpPr>
      <xdr:spPr>
        <a:xfrm flipV="1">
          <a:off x="2908300" y="12651877"/>
          <a:ext cx="889000" cy="20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4130</xdr:rowOff>
    </xdr:from>
    <xdr:to>
      <xdr:col>20</xdr:col>
      <xdr:colOff>38100</xdr:colOff>
      <xdr:row>75</xdr:row>
      <xdr:rowOff>14280</xdr:rowOff>
    </xdr:to>
    <xdr:sp macro="" textlink="">
      <xdr:nvSpPr>
        <xdr:cNvPr id="180" name="フローチャート: 判断 179"/>
        <xdr:cNvSpPr/>
      </xdr:nvSpPr>
      <xdr:spPr>
        <a:xfrm>
          <a:off x="3746500" y="1277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5407</xdr:rowOff>
    </xdr:from>
    <xdr:ext cx="599010" cy="259045"/>
    <xdr:sp macro="" textlink="">
      <xdr:nvSpPr>
        <xdr:cNvPr id="181" name="テキスト ボックス 180"/>
        <xdr:cNvSpPr txBox="1"/>
      </xdr:nvSpPr>
      <xdr:spPr>
        <a:xfrm>
          <a:off x="3497795" y="12864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68923</xdr:rowOff>
    </xdr:from>
    <xdr:to>
      <xdr:col>15</xdr:col>
      <xdr:colOff>50800</xdr:colOff>
      <xdr:row>75</xdr:row>
      <xdr:rowOff>50104</xdr:rowOff>
    </xdr:to>
    <xdr:cxnSp macro="">
      <xdr:nvCxnSpPr>
        <xdr:cNvPr id="182" name="直線コネクタ 181"/>
        <xdr:cNvCxnSpPr/>
      </xdr:nvCxnSpPr>
      <xdr:spPr>
        <a:xfrm flipV="1">
          <a:off x="2019300" y="12856223"/>
          <a:ext cx="889000" cy="52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9736</xdr:rowOff>
    </xdr:from>
    <xdr:to>
      <xdr:col>15</xdr:col>
      <xdr:colOff>101600</xdr:colOff>
      <xdr:row>76</xdr:row>
      <xdr:rowOff>89886</xdr:rowOff>
    </xdr:to>
    <xdr:sp macro="" textlink="">
      <xdr:nvSpPr>
        <xdr:cNvPr id="183" name="フローチャート: 判断 182"/>
        <xdr:cNvSpPr/>
      </xdr:nvSpPr>
      <xdr:spPr>
        <a:xfrm>
          <a:off x="2857500" y="1301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81013</xdr:rowOff>
    </xdr:from>
    <xdr:ext cx="599010" cy="259045"/>
    <xdr:sp macro="" textlink="">
      <xdr:nvSpPr>
        <xdr:cNvPr id="184" name="テキスト ボックス 183"/>
        <xdr:cNvSpPr txBox="1"/>
      </xdr:nvSpPr>
      <xdr:spPr>
        <a:xfrm>
          <a:off x="2608795" y="13111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50104</xdr:rowOff>
    </xdr:from>
    <xdr:to>
      <xdr:col>10</xdr:col>
      <xdr:colOff>114300</xdr:colOff>
      <xdr:row>75</xdr:row>
      <xdr:rowOff>91922</xdr:rowOff>
    </xdr:to>
    <xdr:cxnSp macro="">
      <xdr:nvCxnSpPr>
        <xdr:cNvPr id="185" name="直線コネクタ 184"/>
        <xdr:cNvCxnSpPr/>
      </xdr:nvCxnSpPr>
      <xdr:spPr>
        <a:xfrm flipV="1">
          <a:off x="1130300" y="12908854"/>
          <a:ext cx="889000" cy="41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35</xdr:rowOff>
    </xdr:from>
    <xdr:to>
      <xdr:col>10</xdr:col>
      <xdr:colOff>165100</xdr:colOff>
      <xdr:row>76</xdr:row>
      <xdr:rowOff>105635</xdr:rowOff>
    </xdr:to>
    <xdr:sp macro="" textlink="">
      <xdr:nvSpPr>
        <xdr:cNvPr id="186" name="フローチャート: 判断 185"/>
        <xdr:cNvSpPr/>
      </xdr:nvSpPr>
      <xdr:spPr>
        <a:xfrm>
          <a:off x="1968500" y="13034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96762</xdr:rowOff>
    </xdr:from>
    <xdr:ext cx="599010" cy="259045"/>
    <xdr:sp macro="" textlink="">
      <xdr:nvSpPr>
        <xdr:cNvPr id="187" name="テキスト ボックス 186"/>
        <xdr:cNvSpPr txBox="1"/>
      </xdr:nvSpPr>
      <xdr:spPr>
        <a:xfrm>
          <a:off x="1719795" y="13126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57262</xdr:rowOff>
    </xdr:from>
    <xdr:to>
      <xdr:col>6</xdr:col>
      <xdr:colOff>38100</xdr:colOff>
      <xdr:row>76</xdr:row>
      <xdr:rowOff>158862</xdr:rowOff>
    </xdr:to>
    <xdr:sp macro="" textlink="">
      <xdr:nvSpPr>
        <xdr:cNvPr id="188" name="フローチャート: 判断 187"/>
        <xdr:cNvSpPr/>
      </xdr:nvSpPr>
      <xdr:spPr>
        <a:xfrm>
          <a:off x="1079500" y="13087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49989</xdr:rowOff>
    </xdr:from>
    <xdr:ext cx="599010" cy="259045"/>
    <xdr:sp macro="" textlink="">
      <xdr:nvSpPr>
        <xdr:cNvPr id="189" name="テキスト ボックス 188"/>
        <xdr:cNvSpPr txBox="1"/>
      </xdr:nvSpPr>
      <xdr:spPr>
        <a:xfrm>
          <a:off x="830795" y="13180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133088</xdr:rowOff>
    </xdr:from>
    <xdr:to>
      <xdr:col>24</xdr:col>
      <xdr:colOff>114300</xdr:colOff>
      <xdr:row>74</xdr:row>
      <xdr:rowOff>63238</xdr:rowOff>
    </xdr:to>
    <xdr:sp macro="" textlink="">
      <xdr:nvSpPr>
        <xdr:cNvPr id="195" name="楕円 194"/>
        <xdr:cNvSpPr/>
      </xdr:nvSpPr>
      <xdr:spPr>
        <a:xfrm>
          <a:off x="4584700" y="1264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55965</xdr:rowOff>
    </xdr:from>
    <xdr:ext cx="599010" cy="259045"/>
    <xdr:sp macro="" textlink="">
      <xdr:nvSpPr>
        <xdr:cNvPr id="196" name="民生費該当値テキスト"/>
        <xdr:cNvSpPr txBox="1"/>
      </xdr:nvSpPr>
      <xdr:spPr>
        <a:xfrm>
          <a:off x="4686300" y="125003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85227</xdr:rowOff>
    </xdr:from>
    <xdr:to>
      <xdr:col>20</xdr:col>
      <xdr:colOff>38100</xdr:colOff>
      <xdr:row>74</xdr:row>
      <xdr:rowOff>15377</xdr:rowOff>
    </xdr:to>
    <xdr:sp macro="" textlink="">
      <xdr:nvSpPr>
        <xdr:cNvPr id="197" name="楕円 196"/>
        <xdr:cNvSpPr/>
      </xdr:nvSpPr>
      <xdr:spPr>
        <a:xfrm>
          <a:off x="3746500" y="12601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2</xdr:row>
      <xdr:rowOff>31904</xdr:rowOff>
    </xdr:from>
    <xdr:ext cx="599010" cy="259045"/>
    <xdr:sp macro="" textlink="">
      <xdr:nvSpPr>
        <xdr:cNvPr id="198" name="テキスト ボックス 197"/>
        <xdr:cNvSpPr txBox="1"/>
      </xdr:nvSpPr>
      <xdr:spPr>
        <a:xfrm>
          <a:off x="3497795" y="12376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118123</xdr:rowOff>
    </xdr:from>
    <xdr:to>
      <xdr:col>15</xdr:col>
      <xdr:colOff>101600</xdr:colOff>
      <xdr:row>75</xdr:row>
      <xdr:rowOff>48273</xdr:rowOff>
    </xdr:to>
    <xdr:sp macro="" textlink="">
      <xdr:nvSpPr>
        <xdr:cNvPr id="199" name="楕円 198"/>
        <xdr:cNvSpPr/>
      </xdr:nvSpPr>
      <xdr:spPr>
        <a:xfrm>
          <a:off x="2857500" y="12805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64800</xdr:rowOff>
    </xdr:from>
    <xdr:ext cx="599010" cy="259045"/>
    <xdr:sp macro="" textlink="">
      <xdr:nvSpPr>
        <xdr:cNvPr id="200" name="テキスト ボックス 199"/>
        <xdr:cNvSpPr txBox="1"/>
      </xdr:nvSpPr>
      <xdr:spPr>
        <a:xfrm>
          <a:off x="2608795" y="125806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170754</xdr:rowOff>
    </xdr:from>
    <xdr:to>
      <xdr:col>10</xdr:col>
      <xdr:colOff>165100</xdr:colOff>
      <xdr:row>75</xdr:row>
      <xdr:rowOff>100904</xdr:rowOff>
    </xdr:to>
    <xdr:sp macro="" textlink="">
      <xdr:nvSpPr>
        <xdr:cNvPr id="201" name="楕円 200"/>
        <xdr:cNvSpPr/>
      </xdr:nvSpPr>
      <xdr:spPr>
        <a:xfrm>
          <a:off x="1968500" y="12858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117431</xdr:rowOff>
    </xdr:from>
    <xdr:ext cx="599010" cy="259045"/>
    <xdr:sp macro="" textlink="">
      <xdr:nvSpPr>
        <xdr:cNvPr id="202" name="テキスト ボックス 201"/>
        <xdr:cNvSpPr txBox="1"/>
      </xdr:nvSpPr>
      <xdr:spPr>
        <a:xfrm>
          <a:off x="1719795" y="126332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41122</xdr:rowOff>
    </xdr:from>
    <xdr:to>
      <xdr:col>6</xdr:col>
      <xdr:colOff>38100</xdr:colOff>
      <xdr:row>75</xdr:row>
      <xdr:rowOff>142722</xdr:rowOff>
    </xdr:to>
    <xdr:sp macro="" textlink="">
      <xdr:nvSpPr>
        <xdr:cNvPr id="203" name="楕円 202"/>
        <xdr:cNvSpPr/>
      </xdr:nvSpPr>
      <xdr:spPr>
        <a:xfrm>
          <a:off x="1079500" y="12899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159249</xdr:rowOff>
    </xdr:from>
    <xdr:ext cx="599010" cy="259045"/>
    <xdr:sp macro="" textlink="">
      <xdr:nvSpPr>
        <xdr:cNvPr id="204" name="テキスト ボックス 203"/>
        <xdr:cNvSpPr txBox="1"/>
      </xdr:nvSpPr>
      <xdr:spPr>
        <a:xfrm>
          <a:off x="830795" y="126750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3" name="テキスト ボックス 222"/>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4046</xdr:rowOff>
    </xdr:from>
    <xdr:to>
      <xdr:col>24</xdr:col>
      <xdr:colOff>62865</xdr:colOff>
      <xdr:row>97</xdr:row>
      <xdr:rowOff>160023</xdr:rowOff>
    </xdr:to>
    <xdr:cxnSp macro="">
      <xdr:nvCxnSpPr>
        <xdr:cNvPr id="227" name="直線コネクタ 226"/>
        <xdr:cNvCxnSpPr/>
      </xdr:nvCxnSpPr>
      <xdr:spPr>
        <a:xfrm flipV="1">
          <a:off x="4633595" y="15594546"/>
          <a:ext cx="1270" cy="1196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3850</xdr:rowOff>
    </xdr:from>
    <xdr:ext cx="534377" cy="259045"/>
    <xdr:sp macro="" textlink="">
      <xdr:nvSpPr>
        <xdr:cNvPr id="228" name="衛生費最小値テキスト"/>
        <xdr:cNvSpPr txBox="1"/>
      </xdr:nvSpPr>
      <xdr:spPr>
        <a:xfrm>
          <a:off x="4686300" y="16794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0023</xdr:rowOff>
    </xdr:from>
    <xdr:to>
      <xdr:col>24</xdr:col>
      <xdr:colOff>152400</xdr:colOff>
      <xdr:row>97</xdr:row>
      <xdr:rowOff>160023</xdr:rowOff>
    </xdr:to>
    <xdr:cxnSp macro="">
      <xdr:nvCxnSpPr>
        <xdr:cNvPr id="229" name="直線コネクタ 228"/>
        <xdr:cNvCxnSpPr/>
      </xdr:nvCxnSpPr>
      <xdr:spPr>
        <a:xfrm>
          <a:off x="4546600" y="16790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723</xdr:rowOff>
    </xdr:from>
    <xdr:ext cx="534377" cy="259045"/>
    <xdr:sp macro="" textlink="">
      <xdr:nvSpPr>
        <xdr:cNvPr id="230" name="衛生費最大値テキスト"/>
        <xdr:cNvSpPr txBox="1"/>
      </xdr:nvSpPr>
      <xdr:spPr>
        <a:xfrm>
          <a:off x="4686300" y="15369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3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64046</xdr:rowOff>
    </xdr:from>
    <xdr:to>
      <xdr:col>24</xdr:col>
      <xdr:colOff>152400</xdr:colOff>
      <xdr:row>90</xdr:row>
      <xdr:rowOff>164046</xdr:rowOff>
    </xdr:to>
    <xdr:cxnSp macro="">
      <xdr:nvCxnSpPr>
        <xdr:cNvPr id="231" name="直線コネクタ 230"/>
        <xdr:cNvCxnSpPr/>
      </xdr:nvCxnSpPr>
      <xdr:spPr>
        <a:xfrm>
          <a:off x="4546600" y="15594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60114</xdr:rowOff>
    </xdr:from>
    <xdr:to>
      <xdr:col>24</xdr:col>
      <xdr:colOff>63500</xdr:colOff>
      <xdr:row>95</xdr:row>
      <xdr:rowOff>6769</xdr:rowOff>
    </xdr:to>
    <xdr:cxnSp macro="">
      <xdr:nvCxnSpPr>
        <xdr:cNvPr id="232" name="直線コネクタ 231"/>
        <xdr:cNvCxnSpPr/>
      </xdr:nvCxnSpPr>
      <xdr:spPr>
        <a:xfrm flipV="1">
          <a:off x="3797300" y="16276414"/>
          <a:ext cx="838200" cy="18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1488</xdr:rowOff>
    </xdr:from>
    <xdr:ext cx="534377" cy="259045"/>
    <xdr:sp macro="" textlink="">
      <xdr:nvSpPr>
        <xdr:cNvPr id="233" name="衛生費平均値テキスト"/>
        <xdr:cNvSpPr txBox="1"/>
      </xdr:nvSpPr>
      <xdr:spPr>
        <a:xfrm>
          <a:off x="4686300" y="16359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3061</xdr:rowOff>
    </xdr:from>
    <xdr:to>
      <xdr:col>24</xdr:col>
      <xdr:colOff>114300</xdr:colOff>
      <xdr:row>96</xdr:row>
      <xdr:rowOff>23211</xdr:rowOff>
    </xdr:to>
    <xdr:sp macro="" textlink="">
      <xdr:nvSpPr>
        <xdr:cNvPr id="234" name="フローチャート: 判断 233"/>
        <xdr:cNvSpPr/>
      </xdr:nvSpPr>
      <xdr:spPr>
        <a:xfrm>
          <a:off x="4584700" y="16380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6769</xdr:rowOff>
    </xdr:from>
    <xdr:to>
      <xdr:col>19</xdr:col>
      <xdr:colOff>177800</xdr:colOff>
      <xdr:row>96</xdr:row>
      <xdr:rowOff>163086</xdr:rowOff>
    </xdr:to>
    <xdr:cxnSp macro="">
      <xdr:nvCxnSpPr>
        <xdr:cNvPr id="235" name="直線コネクタ 234"/>
        <xdr:cNvCxnSpPr/>
      </xdr:nvCxnSpPr>
      <xdr:spPr>
        <a:xfrm flipV="1">
          <a:off x="2908300" y="16294519"/>
          <a:ext cx="889000" cy="327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9853</xdr:rowOff>
    </xdr:from>
    <xdr:to>
      <xdr:col>20</xdr:col>
      <xdr:colOff>38100</xdr:colOff>
      <xdr:row>96</xdr:row>
      <xdr:rowOff>50003</xdr:rowOff>
    </xdr:to>
    <xdr:sp macro="" textlink="">
      <xdr:nvSpPr>
        <xdr:cNvPr id="236" name="フローチャート: 判断 235"/>
        <xdr:cNvSpPr/>
      </xdr:nvSpPr>
      <xdr:spPr>
        <a:xfrm>
          <a:off x="3746500" y="164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41130</xdr:rowOff>
    </xdr:from>
    <xdr:ext cx="534377" cy="259045"/>
    <xdr:sp macro="" textlink="">
      <xdr:nvSpPr>
        <xdr:cNvPr id="237" name="テキスト ボックス 236"/>
        <xdr:cNvSpPr txBox="1"/>
      </xdr:nvSpPr>
      <xdr:spPr>
        <a:xfrm>
          <a:off x="3530111" y="16500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63086</xdr:rowOff>
    </xdr:from>
    <xdr:to>
      <xdr:col>15</xdr:col>
      <xdr:colOff>50800</xdr:colOff>
      <xdr:row>97</xdr:row>
      <xdr:rowOff>31755</xdr:rowOff>
    </xdr:to>
    <xdr:cxnSp macro="">
      <xdr:nvCxnSpPr>
        <xdr:cNvPr id="238" name="直線コネクタ 237"/>
        <xdr:cNvCxnSpPr/>
      </xdr:nvCxnSpPr>
      <xdr:spPr>
        <a:xfrm flipV="1">
          <a:off x="2019300" y="16622286"/>
          <a:ext cx="889000" cy="40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447</xdr:rowOff>
    </xdr:from>
    <xdr:to>
      <xdr:col>15</xdr:col>
      <xdr:colOff>101600</xdr:colOff>
      <xdr:row>97</xdr:row>
      <xdr:rowOff>50597</xdr:rowOff>
    </xdr:to>
    <xdr:sp macro="" textlink="">
      <xdr:nvSpPr>
        <xdr:cNvPr id="239" name="フローチャート: 判断 238"/>
        <xdr:cNvSpPr/>
      </xdr:nvSpPr>
      <xdr:spPr>
        <a:xfrm>
          <a:off x="28575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41724</xdr:rowOff>
    </xdr:from>
    <xdr:ext cx="534377" cy="259045"/>
    <xdr:sp macro="" textlink="">
      <xdr:nvSpPr>
        <xdr:cNvPr id="240" name="テキスト ボックス 239"/>
        <xdr:cNvSpPr txBox="1"/>
      </xdr:nvSpPr>
      <xdr:spPr>
        <a:xfrm>
          <a:off x="2641111" y="16672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31755</xdr:rowOff>
    </xdr:from>
    <xdr:to>
      <xdr:col>10</xdr:col>
      <xdr:colOff>114300</xdr:colOff>
      <xdr:row>97</xdr:row>
      <xdr:rowOff>91762</xdr:rowOff>
    </xdr:to>
    <xdr:cxnSp macro="">
      <xdr:nvCxnSpPr>
        <xdr:cNvPr id="241" name="直線コネクタ 240"/>
        <xdr:cNvCxnSpPr/>
      </xdr:nvCxnSpPr>
      <xdr:spPr>
        <a:xfrm flipV="1">
          <a:off x="1130300" y="16662405"/>
          <a:ext cx="889000" cy="60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5112</xdr:rowOff>
    </xdr:from>
    <xdr:to>
      <xdr:col>10</xdr:col>
      <xdr:colOff>165100</xdr:colOff>
      <xdr:row>97</xdr:row>
      <xdr:rowOff>75262</xdr:rowOff>
    </xdr:to>
    <xdr:sp macro="" textlink="">
      <xdr:nvSpPr>
        <xdr:cNvPr id="242" name="フローチャート: 判断 241"/>
        <xdr:cNvSpPr/>
      </xdr:nvSpPr>
      <xdr:spPr>
        <a:xfrm>
          <a:off x="1968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1789</xdr:rowOff>
    </xdr:from>
    <xdr:ext cx="534377" cy="259045"/>
    <xdr:sp macro="" textlink="">
      <xdr:nvSpPr>
        <xdr:cNvPr id="243" name="テキスト ボックス 242"/>
        <xdr:cNvSpPr txBox="1"/>
      </xdr:nvSpPr>
      <xdr:spPr>
        <a:xfrm>
          <a:off x="1752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0807</xdr:rowOff>
    </xdr:from>
    <xdr:to>
      <xdr:col>6</xdr:col>
      <xdr:colOff>38100</xdr:colOff>
      <xdr:row>97</xdr:row>
      <xdr:rowOff>10957</xdr:rowOff>
    </xdr:to>
    <xdr:sp macro="" textlink="">
      <xdr:nvSpPr>
        <xdr:cNvPr id="244" name="フローチャート: 判断 243"/>
        <xdr:cNvSpPr/>
      </xdr:nvSpPr>
      <xdr:spPr>
        <a:xfrm>
          <a:off x="1079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7484</xdr:rowOff>
    </xdr:from>
    <xdr:ext cx="534377" cy="259045"/>
    <xdr:sp macro="" textlink="">
      <xdr:nvSpPr>
        <xdr:cNvPr id="245" name="テキスト ボックス 244"/>
        <xdr:cNvSpPr txBox="1"/>
      </xdr:nvSpPr>
      <xdr:spPr>
        <a:xfrm>
          <a:off x="863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09314</xdr:rowOff>
    </xdr:from>
    <xdr:to>
      <xdr:col>24</xdr:col>
      <xdr:colOff>114300</xdr:colOff>
      <xdr:row>95</xdr:row>
      <xdr:rowOff>39464</xdr:rowOff>
    </xdr:to>
    <xdr:sp macro="" textlink="">
      <xdr:nvSpPr>
        <xdr:cNvPr id="251" name="楕円 250"/>
        <xdr:cNvSpPr/>
      </xdr:nvSpPr>
      <xdr:spPr>
        <a:xfrm>
          <a:off x="4584700" y="16225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32191</xdr:rowOff>
    </xdr:from>
    <xdr:ext cx="534377" cy="259045"/>
    <xdr:sp macro="" textlink="">
      <xdr:nvSpPr>
        <xdr:cNvPr id="252" name="衛生費該当値テキスト"/>
        <xdr:cNvSpPr txBox="1"/>
      </xdr:nvSpPr>
      <xdr:spPr>
        <a:xfrm>
          <a:off x="4686300" y="16077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27419</xdr:rowOff>
    </xdr:from>
    <xdr:to>
      <xdr:col>20</xdr:col>
      <xdr:colOff>38100</xdr:colOff>
      <xdr:row>95</xdr:row>
      <xdr:rowOff>57569</xdr:rowOff>
    </xdr:to>
    <xdr:sp macro="" textlink="">
      <xdr:nvSpPr>
        <xdr:cNvPr id="253" name="楕円 252"/>
        <xdr:cNvSpPr/>
      </xdr:nvSpPr>
      <xdr:spPr>
        <a:xfrm>
          <a:off x="3746500" y="16243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74096</xdr:rowOff>
    </xdr:from>
    <xdr:ext cx="534377" cy="259045"/>
    <xdr:sp macro="" textlink="">
      <xdr:nvSpPr>
        <xdr:cNvPr id="254" name="テキスト ボックス 253"/>
        <xdr:cNvSpPr txBox="1"/>
      </xdr:nvSpPr>
      <xdr:spPr>
        <a:xfrm>
          <a:off x="3530111" y="16018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12286</xdr:rowOff>
    </xdr:from>
    <xdr:to>
      <xdr:col>15</xdr:col>
      <xdr:colOff>101600</xdr:colOff>
      <xdr:row>97</xdr:row>
      <xdr:rowOff>42436</xdr:rowOff>
    </xdr:to>
    <xdr:sp macro="" textlink="">
      <xdr:nvSpPr>
        <xdr:cNvPr id="255" name="楕円 254"/>
        <xdr:cNvSpPr/>
      </xdr:nvSpPr>
      <xdr:spPr>
        <a:xfrm>
          <a:off x="2857500" y="1657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8963</xdr:rowOff>
    </xdr:from>
    <xdr:ext cx="534377" cy="259045"/>
    <xdr:sp macro="" textlink="">
      <xdr:nvSpPr>
        <xdr:cNvPr id="256" name="テキスト ボックス 255"/>
        <xdr:cNvSpPr txBox="1"/>
      </xdr:nvSpPr>
      <xdr:spPr>
        <a:xfrm>
          <a:off x="2641111" y="163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52405</xdr:rowOff>
    </xdr:from>
    <xdr:to>
      <xdr:col>10</xdr:col>
      <xdr:colOff>165100</xdr:colOff>
      <xdr:row>97</xdr:row>
      <xdr:rowOff>82555</xdr:rowOff>
    </xdr:to>
    <xdr:sp macro="" textlink="">
      <xdr:nvSpPr>
        <xdr:cNvPr id="257" name="楕円 256"/>
        <xdr:cNvSpPr/>
      </xdr:nvSpPr>
      <xdr:spPr>
        <a:xfrm>
          <a:off x="1968500" y="1661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73682</xdr:rowOff>
    </xdr:from>
    <xdr:ext cx="534377" cy="259045"/>
    <xdr:sp macro="" textlink="">
      <xdr:nvSpPr>
        <xdr:cNvPr id="258" name="テキスト ボックス 257"/>
        <xdr:cNvSpPr txBox="1"/>
      </xdr:nvSpPr>
      <xdr:spPr>
        <a:xfrm>
          <a:off x="1752111" y="16704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0962</xdr:rowOff>
    </xdr:from>
    <xdr:to>
      <xdr:col>6</xdr:col>
      <xdr:colOff>38100</xdr:colOff>
      <xdr:row>97</xdr:row>
      <xdr:rowOff>142562</xdr:rowOff>
    </xdr:to>
    <xdr:sp macro="" textlink="">
      <xdr:nvSpPr>
        <xdr:cNvPr id="259" name="楕円 258"/>
        <xdr:cNvSpPr/>
      </xdr:nvSpPr>
      <xdr:spPr>
        <a:xfrm>
          <a:off x="1079500" y="16671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33689</xdr:rowOff>
    </xdr:from>
    <xdr:ext cx="534377" cy="259045"/>
    <xdr:sp macro="" textlink="">
      <xdr:nvSpPr>
        <xdr:cNvPr id="260" name="テキスト ボックス 259"/>
        <xdr:cNvSpPr txBox="1"/>
      </xdr:nvSpPr>
      <xdr:spPr>
        <a:xfrm>
          <a:off x="863111" y="16764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1" name="直線コネクタ 270"/>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2" name="テキスト ボックス 271"/>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3" name="直線コネクタ 272"/>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4" name="テキスト ボックス 273"/>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5" name="直線コネクタ 274"/>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6" name="テキスト ボックス 275"/>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7" name="直線コネクタ 276"/>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8" name="テキスト ボックス 277"/>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9" name="直線コネクタ 278"/>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0" name="テキスト ボックス 279"/>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2" name="テキスト ボックス 281"/>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4366</xdr:rowOff>
    </xdr:from>
    <xdr:to>
      <xdr:col>54</xdr:col>
      <xdr:colOff>189865</xdr:colOff>
      <xdr:row>39</xdr:row>
      <xdr:rowOff>44450</xdr:rowOff>
    </xdr:to>
    <xdr:cxnSp macro="">
      <xdr:nvCxnSpPr>
        <xdr:cNvPr id="284" name="直線コネクタ 283"/>
        <xdr:cNvCxnSpPr/>
      </xdr:nvCxnSpPr>
      <xdr:spPr>
        <a:xfrm flipV="1">
          <a:off x="10475595" y="5449316"/>
          <a:ext cx="1270" cy="12816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5"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6" name="直線コネクタ 285"/>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1043</xdr:rowOff>
    </xdr:from>
    <xdr:ext cx="469744" cy="259045"/>
    <xdr:sp macro="" textlink="">
      <xdr:nvSpPr>
        <xdr:cNvPr id="287" name="労働費最大値テキスト"/>
        <xdr:cNvSpPr txBox="1"/>
      </xdr:nvSpPr>
      <xdr:spPr>
        <a:xfrm>
          <a:off x="10528300" y="522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4366</xdr:rowOff>
    </xdr:from>
    <xdr:to>
      <xdr:col>55</xdr:col>
      <xdr:colOff>88900</xdr:colOff>
      <xdr:row>31</xdr:row>
      <xdr:rowOff>134366</xdr:rowOff>
    </xdr:to>
    <xdr:cxnSp macro="">
      <xdr:nvCxnSpPr>
        <xdr:cNvPr id="288" name="直線コネクタ 287"/>
        <xdr:cNvCxnSpPr/>
      </xdr:nvCxnSpPr>
      <xdr:spPr>
        <a:xfrm>
          <a:off x="10388600" y="5449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34366</xdr:rowOff>
    </xdr:from>
    <xdr:to>
      <xdr:col>55</xdr:col>
      <xdr:colOff>0</xdr:colOff>
      <xdr:row>32</xdr:row>
      <xdr:rowOff>6350</xdr:rowOff>
    </xdr:to>
    <xdr:cxnSp macro="">
      <xdr:nvCxnSpPr>
        <xdr:cNvPr id="289" name="直線コネクタ 288"/>
        <xdr:cNvCxnSpPr/>
      </xdr:nvCxnSpPr>
      <xdr:spPr>
        <a:xfrm flipV="1">
          <a:off x="9639300" y="5449316"/>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1988</xdr:rowOff>
    </xdr:from>
    <xdr:ext cx="378565" cy="259045"/>
    <xdr:sp macro="" textlink="">
      <xdr:nvSpPr>
        <xdr:cNvPr id="290" name="労働費平均値テキスト"/>
        <xdr:cNvSpPr txBox="1"/>
      </xdr:nvSpPr>
      <xdr:spPr>
        <a:xfrm>
          <a:off x="10528300" y="636563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3561</xdr:rowOff>
    </xdr:from>
    <xdr:to>
      <xdr:col>55</xdr:col>
      <xdr:colOff>50800</xdr:colOff>
      <xdr:row>37</xdr:row>
      <xdr:rowOff>145161</xdr:rowOff>
    </xdr:to>
    <xdr:sp macro="" textlink="">
      <xdr:nvSpPr>
        <xdr:cNvPr id="291" name="フローチャート: 判断 290"/>
        <xdr:cNvSpPr/>
      </xdr:nvSpPr>
      <xdr:spPr>
        <a:xfrm>
          <a:off x="10426700" y="638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5588</xdr:rowOff>
    </xdr:from>
    <xdr:to>
      <xdr:col>50</xdr:col>
      <xdr:colOff>114300</xdr:colOff>
      <xdr:row>32</xdr:row>
      <xdr:rowOff>6350</xdr:rowOff>
    </xdr:to>
    <xdr:cxnSp macro="">
      <xdr:nvCxnSpPr>
        <xdr:cNvPr id="292" name="直線コネクタ 291"/>
        <xdr:cNvCxnSpPr/>
      </xdr:nvCxnSpPr>
      <xdr:spPr>
        <a:xfrm>
          <a:off x="8750300" y="549198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4704</xdr:rowOff>
    </xdr:from>
    <xdr:to>
      <xdr:col>50</xdr:col>
      <xdr:colOff>165100</xdr:colOff>
      <xdr:row>37</xdr:row>
      <xdr:rowOff>146304</xdr:rowOff>
    </xdr:to>
    <xdr:sp macro="" textlink="">
      <xdr:nvSpPr>
        <xdr:cNvPr id="293" name="フローチャート: 判断 292"/>
        <xdr:cNvSpPr/>
      </xdr:nvSpPr>
      <xdr:spPr>
        <a:xfrm>
          <a:off x="9588500" y="6388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37431</xdr:rowOff>
    </xdr:from>
    <xdr:ext cx="378565" cy="259045"/>
    <xdr:sp macro="" textlink="">
      <xdr:nvSpPr>
        <xdr:cNvPr id="294" name="テキスト ボックス 293"/>
        <xdr:cNvSpPr txBox="1"/>
      </xdr:nvSpPr>
      <xdr:spPr>
        <a:xfrm>
          <a:off x="9450017" y="6481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69418</xdr:rowOff>
    </xdr:from>
    <xdr:to>
      <xdr:col>45</xdr:col>
      <xdr:colOff>177800</xdr:colOff>
      <xdr:row>32</xdr:row>
      <xdr:rowOff>5588</xdr:rowOff>
    </xdr:to>
    <xdr:cxnSp macro="">
      <xdr:nvCxnSpPr>
        <xdr:cNvPr id="295" name="直線コネクタ 294"/>
        <xdr:cNvCxnSpPr/>
      </xdr:nvCxnSpPr>
      <xdr:spPr>
        <a:xfrm>
          <a:off x="7861300" y="5484368"/>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942</xdr:rowOff>
    </xdr:from>
    <xdr:to>
      <xdr:col>46</xdr:col>
      <xdr:colOff>38100</xdr:colOff>
      <xdr:row>37</xdr:row>
      <xdr:rowOff>145542</xdr:rowOff>
    </xdr:to>
    <xdr:sp macro="" textlink="">
      <xdr:nvSpPr>
        <xdr:cNvPr id="296" name="フローチャート: 判断 295"/>
        <xdr:cNvSpPr/>
      </xdr:nvSpPr>
      <xdr:spPr>
        <a:xfrm>
          <a:off x="8699500" y="6387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36669</xdr:rowOff>
    </xdr:from>
    <xdr:ext cx="378565" cy="259045"/>
    <xdr:sp macro="" textlink="">
      <xdr:nvSpPr>
        <xdr:cNvPr id="297" name="テキスト ボックス 296"/>
        <xdr:cNvSpPr txBox="1"/>
      </xdr:nvSpPr>
      <xdr:spPr>
        <a:xfrm>
          <a:off x="8561017" y="64803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169418</xdr:rowOff>
    </xdr:from>
    <xdr:to>
      <xdr:col>41</xdr:col>
      <xdr:colOff>50800</xdr:colOff>
      <xdr:row>32</xdr:row>
      <xdr:rowOff>36830</xdr:rowOff>
    </xdr:to>
    <xdr:cxnSp macro="">
      <xdr:nvCxnSpPr>
        <xdr:cNvPr id="298" name="直線コネクタ 297"/>
        <xdr:cNvCxnSpPr/>
      </xdr:nvCxnSpPr>
      <xdr:spPr>
        <a:xfrm flipV="1">
          <a:off x="6972300" y="5484368"/>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9083</xdr:rowOff>
    </xdr:from>
    <xdr:to>
      <xdr:col>41</xdr:col>
      <xdr:colOff>101600</xdr:colOff>
      <xdr:row>37</xdr:row>
      <xdr:rowOff>130683</xdr:rowOff>
    </xdr:to>
    <xdr:sp macro="" textlink="">
      <xdr:nvSpPr>
        <xdr:cNvPr id="299" name="フローチャート: 判断 298"/>
        <xdr:cNvSpPr/>
      </xdr:nvSpPr>
      <xdr:spPr>
        <a:xfrm>
          <a:off x="7810500" y="6372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1810</xdr:rowOff>
    </xdr:from>
    <xdr:ext cx="378565" cy="259045"/>
    <xdr:sp macro="" textlink="">
      <xdr:nvSpPr>
        <xdr:cNvPr id="300" name="テキスト ボックス 299"/>
        <xdr:cNvSpPr txBox="1"/>
      </xdr:nvSpPr>
      <xdr:spPr>
        <a:xfrm>
          <a:off x="7672017" y="6465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939</xdr:rowOff>
    </xdr:from>
    <xdr:to>
      <xdr:col>36</xdr:col>
      <xdr:colOff>165100</xdr:colOff>
      <xdr:row>37</xdr:row>
      <xdr:rowOff>121539</xdr:rowOff>
    </xdr:to>
    <xdr:sp macro="" textlink="">
      <xdr:nvSpPr>
        <xdr:cNvPr id="301" name="フローチャート: 判断 300"/>
        <xdr:cNvSpPr/>
      </xdr:nvSpPr>
      <xdr:spPr>
        <a:xfrm>
          <a:off x="6921500" y="636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2666</xdr:rowOff>
    </xdr:from>
    <xdr:ext cx="378565" cy="259045"/>
    <xdr:sp macro="" textlink="">
      <xdr:nvSpPr>
        <xdr:cNvPr id="302" name="テキスト ボックス 301"/>
        <xdr:cNvSpPr txBox="1"/>
      </xdr:nvSpPr>
      <xdr:spPr>
        <a:xfrm>
          <a:off x="6783017" y="64563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83566</xdr:rowOff>
    </xdr:from>
    <xdr:to>
      <xdr:col>55</xdr:col>
      <xdr:colOff>50800</xdr:colOff>
      <xdr:row>32</xdr:row>
      <xdr:rowOff>13716</xdr:rowOff>
    </xdr:to>
    <xdr:sp macro="" textlink="">
      <xdr:nvSpPr>
        <xdr:cNvPr id="308" name="楕円 307"/>
        <xdr:cNvSpPr/>
      </xdr:nvSpPr>
      <xdr:spPr>
        <a:xfrm>
          <a:off x="10426700" y="5398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1</xdr:row>
      <xdr:rowOff>36593</xdr:rowOff>
    </xdr:from>
    <xdr:ext cx="469744" cy="259045"/>
    <xdr:sp macro="" textlink="">
      <xdr:nvSpPr>
        <xdr:cNvPr id="309" name="労働費該当値テキスト"/>
        <xdr:cNvSpPr txBox="1"/>
      </xdr:nvSpPr>
      <xdr:spPr>
        <a:xfrm>
          <a:off x="10528300" y="5351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127000</xdr:rowOff>
    </xdr:from>
    <xdr:to>
      <xdr:col>50</xdr:col>
      <xdr:colOff>165100</xdr:colOff>
      <xdr:row>32</xdr:row>
      <xdr:rowOff>57150</xdr:rowOff>
    </xdr:to>
    <xdr:sp macro="" textlink="">
      <xdr:nvSpPr>
        <xdr:cNvPr id="310" name="楕円 309"/>
        <xdr:cNvSpPr/>
      </xdr:nvSpPr>
      <xdr:spPr>
        <a:xfrm>
          <a:off x="9588500" y="544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0</xdr:row>
      <xdr:rowOff>73677</xdr:rowOff>
    </xdr:from>
    <xdr:ext cx="469744" cy="259045"/>
    <xdr:sp macro="" textlink="">
      <xdr:nvSpPr>
        <xdr:cNvPr id="311" name="テキスト ボックス 310"/>
        <xdr:cNvSpPr txBox="1"/>
      </xdr:nvSpPr>
      <xdr:spPr>
        <a:xfrm>
          <a:off x="9404428" y="521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126238</xdr:rowOff>
    </xdr:from>
    <xdr:to>
      <xdr:col>46</xdr:col>
      <xdr:colOff>38100</xdr:colOff>
      <xdr:row>32</xdr:row>
      <xdr:rowOff>56388</xdr:rowOff>
    </xdr:to>
    <xdr:sp macro="" textlink="">
      <xdr:nvSpPr>
        <xdr:cNvPr id="312" name="楕円 311"/>
        <xdr:cNvSpPr/>
      </xdr:nvSpPr>
      <xdr:spPr>
        <a:xfrm>
          <a:off x="8699500" y="5441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0</xdr:row>
      <xdr:rowOff>72915</xdr:rowOff>
    </xdr:from>
    <xdr:ext cx="469744" cy="259045"/>
    <xdr:sp macro="" textlink="">
      <xdr:nvSpPr>
        <xdr:cNvPr id="313" name="テキスト ボックス 312"/>
        <xdr:cNvSpPr txBox="1"/>
      </xdr:nvSpPr>
      <xdr:spPr>
        <a:xfrm>
          <a:off x="8515428" y="5216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1</xdr:row>
      <xdr:rowOff>118618</xdr:rowOff>
    </xdr:from>
    <xdr:to>
      <xdr:col>41</xdr:col>
      <xdr:colOff>101600</xdr:colOff>
      <xdr:row>32</xdr:row>
      <xdr:rowOff>48768</xdr:rowOff>
    </xdr:to>
    <xdr:sp macro="" textlink="">
      <xdr:nvSpPr>
        <xdr:cNvPr id="314" name="楕円 313"/>
        <xdr:cNvSpPr/>
      </xdr:nvSpPr>
      <xdr:spPr>
        <a:xfrm>
          <a:off x="7810500" y="5433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0</xdr:row>
      <xdr:rowOff>65295</xdr:rowOff>
    </xdr:from>
    <xdr:ext cx="469744" cy="259045"/>
    <xdr:sp macro="" textlink="">
      <xdr:nvSpPr>
        <xdr:cNvPr id="315" name="テキスト ボックス 314"/>
        <xdr:cNvSpPr txBox="1"/>
      </xdr:nvSpPr>
      <xdr:spPr>
        <a:xfrm>
          <a:off x="7626428" y="5208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157480</xdr:rowOff>
    </xdr:from>
    <xdr:to>
      <xdr:col>36</xdr:col>
      <xdr:colOff>165100</xdr:colOff>
      <xdr:row>32</xdr:row>
      <xdr:rowOff>87630</xdr:rowOff>
    </xdr:to>
    <xdr:sp macro="" textlink="">
      <xdr:nvSpPr>
        <xdr:cNvPr id="316" name="楕円 315"/>
        <xdr:cNvSpPr/>
      </xdr:nvSpPr>
      <xdr:spPr>
        <a:xfrm>
          <a:off x="6921500" y="547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0</xdr:row>
      <xdr:rowOff>104157</xdr:rowOff>
    </xdr:from>
    <xdr:ext cx="469744" cy="259045"/>
    <xdr:sp macro="" textlink="">
      <xdr:nvSpPr>
        <xdr:cNvPr id="317" name="テキスト ボックス 316"/>
        <xdr:cNvSpPr txBox="1"/>
      </xdr:nvSpPr>
      <xdr:spPr>
        <a:xfrm>
          <a:off x="6737428" y="524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3" name="テキスト ボックス 332"/>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5" name="テキスト ボックス 334"/>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7" name="テキスト ボックス 336"/>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0249</xdr:rowOff>
    </xdr:from>
    <xdr:to>
      <xdr:col>54</xdr:col>
      <xdr:colOff>189865</xdr:colOff>
      <xdr:row>58</xdr:row>
      <xdr:rowOff>138100</xdr:rowOff>
    </xdr:to>
    <xdr:cxnSp macro="">
      <xdr:nvCxnSpPr>
        <xdr:cNvPr id="339" name="直線コネクタ 338"/>
        <xdr:cNvCxnSpPr/>
      </xdr:nvCxnSpPr>
      <xdr:spPr>
        <a:xfrm flipV="1">
          <a:off x="10475595" y="8712749"/>
          <a:ext cx="1270" cy="13694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927</xdr:rowOff>
    </xdr:from>
    <xdr:ext cx="313932" cy="259045"/>
    <xdr:sp macro="" textlink="">
      <xdr:nvSpPr>
        <xdr:cNvPr id="340" name="農林水産業費最小値テキスト"/>
        <xdr:cNvSpPr txBox="1"/>
      </xdr:nvSpPr>
      <xdr:spPr>
        <a:xfrm>
          <a:off x="10528300" y="100860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100</xdr:rowOff>
    </xdr:from>
    <xdr:to>
      <xdr:col>55</xdr:col>
      <xdr:colOff>88900</xdr:colOff>
      <xdr:row>58</xdr:row>
      <xdr:rowOff>138100</xdr:rowOff>
    </xdr:to>
    <xdr:cxnSp macro="">
      <xdr:nvCxnSpPr>
        <xdr:cNvPr id="341" name="直線コネクタ 340"/>
        <xdr:cNvCxnSpPr/>
      </xdr:nvCxnSpPr>
      <xdr:spPr>
        <a:xfrm>
          <a:off x="10388600" y="10082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6926</xdr:rowOff>
    </xdr:from>
    <xdr:ext cx="534377" cy="259045"/>
    <xdr:sp macro="" textlink="">
      <xdr:nvSpPr>
        <xdr:cNvPr id="342" name="農林水産業費最大値テキスト"/>
        <xdr:cNvSpPr txBox="1"/>
      </xdr:nvSpPr>
      <xdr:spPr>
        <a:xfrm>
          <a:off x="10528300" y="8487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9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0249</xdr:rowOff>
    </xdr:from>
    <xdr:to>
      <xdr:col>55</xdr:col>
      <xdr:colOff>88900</xdr:colOff>
      <xdr:row>50</xdr:row>
      <xdr:rowOff>140249</xdr:rowOff>
    </xdr:to>
    <xdr:cxnSp macro="">
      <xdr:nvCxnSpPr>
        <xdr:cNvPr id="343" name="直線コネクタ 342"/>
        <xdr:cNvCxnSpPr/>
      </xdr:nvCxnSpPr>
      <xdr:spPr>
        <a:xfrm>
          <a:off x="10388600" y="8712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9583</xdr:rowOff>
    </xdr:from>
    <xdr:to>
      <xdr:col>55</xdr:col>
      <xdr:colOff>0</xdr:colOff>
      <xdr:row>58</xdr:row>
      <xdr:rowOff>120086</xdr:rowOff>
    </xdr:to>
    <xdr:cxnSp macro="">
      <xdr:nvCxnSpPr>
        <xdr:cNvPr id="344" name="直線コネクタ 343"/>
        <xdr:cNvCxnSpPr/>
      </xdr:nvCxnSpPr>
      <xdr:spPr>
        <a:xfrm>
          <a:off x="9639300" y="10063683"/>
          <a:ext cx="838200" cy="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1008</xdr:rowOff>
    </xdr:from>
    <xdr:ext cx="469744" cy="259045"/>
    <xdr:sp macro="" textlink="">
      <xdr:nvSpPr>
        <xdr:cNvPr id="345" name="農林水産業費平均値テキスト"/>
        <xdr:cNvSpPr txBox="1"/>
      </xdr:nvSpPr>
      <xdr:spPr>
        <a:xfrm>
          <a:off x="10528300" y="96822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8131</xdr:rowOff>
    </xdr:from>
    <xdr:to>
      <xdr:col>55</xdr:col>
      <xdr:colOff>50800</xdr:colOff>
      <xdr:row>57</xdr:row>
      <xdr:rowOff>159731</xdr:rowOff>
    </xdr:to>
    <xdr:sp macro="" textlink="">
      <xdr:nvSpPr>
        <xdr:cNvPr id="346" name="フローチャート: 判断 345"/>
        <xdr:cNvSpPr/>
      </xdr:nvSpPr>
      <xdr:spPr>
        <a:xfrm>
          <a:off x="10426700" y="983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9583</xdr:rowOff>
    </xdr:from>
    <xdr:to>
      <xdr:col>50</xdr:col>
      <xdr:colOff>114300</xdr:colOff>
      <xdr:row>58</xdr:row>
      <xdr:rowOff>121138</xdr:rowOff>
    </xdr:to>
    <xdr:cxnSp macro="">
      <xdr:nvCxnSpPr>
        <xdr:cNvPr id="347" name="直線コネクタ 346"/>
        <xdr:cNvCxnSpPr/>
      </xdr:nvCxnSpPr>
      <xdr:spPr>
        <a:xfrm flipV="1">
          <a:off x="8750300" y="10063683"/>
          <a:ext cx="889000" cy="1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6818</xdr:rowOff>
    </xdr:from>
    <xdr:to>
      <xdr:col>50</xdr:col>
      <xdr:colOff>165100</xdr:colOff>
      <xdr:row>57</xdr:row>
      <xdr:rowOff>168418</xdr:rowOff>
    </xdr:to>
    <xdr:sp macro="" textlink="">
      <xdr:nvSpPr>
        <xdr:cNvPr id="348" name="フローチャート: 判断 347"/>
        <xdr:cNvSpPr/>
      </xdr:nvSpPr>
      <xdr:spPr>
        <a:xfrm>
          <a:off x="95885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3495</xdr:rowOff>
    </xdr:from>
    <xdr:ext cx="469744" cy="259045"/>
    <xdr:sp macro="" textlink="">
      <xdr:nvSpPr>
        <xdr:cNvPr id="349" name="テキスト ボックス 348"/>
        <xdr:cNvSpPr txBox="1"/>
      </xdr:nvSpPr>
      <xdr:spPr>
        <a:xfrm>
          <a:off x="9404428" y="9614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1138</xdr:rowOff>
    </xdr:from>
    <xdr:to>
      <xdr:col>45</xdr:col>
      <xdr:colOff>177800</xdr:colOff>
      <xdr:row>58</xdr:row>
      <xdr:rowOff>121641</xdr:rowOff>
    </xdr:to>
    <xdr:cxnSp macro="">
      <xdr:nvCxnSpPr>
        <xdr:cNvPr id="350" name="直線コネクタ 349"/>
        <xdr:cNvCxnSpPr/>
      </xdr:nvCxnSpPr>
      <xdr:spPr>
        <a:xfrm flipV="1">
          <a:off x="7861300" y="10065238"/>
          <a:ext cx="889000" cy="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5949</xdr:rowOff>
    </xdr:from>
    <xdr:to>
      <xdr:col>46</xdr:col>
      <xdr:colOff>38100</xdr:colOff>
      <xdr:row>57</xdr:row>
      <xdr:rowOff>167549</xdr:rowOff>
    </xdr:to>
    <xdr:sp macro="" textlink="">
      <xdr:nvSpPr>
        <xdr:cNvPr id="351" name="フローチャート: 判断 350"/>
        <xdr:cNvSpPr/>
      </xdr:nvSpPr>
      <xdr:spPr>
        <a:xfrm>
          <a:off x="8699500" y="9838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2626</xdr:rowOff>
    </xdr:from>
    <xdr:ext cx="469744" cy="259045"/>
    <xdr:sp macro="" textlink="">
      <xdr:nvSpPr>
        <xdr:cNvPr id="352" name="テキスト ボックス 351"/>
        <xdr:cNvSpPr txBox="1"/>
      </xdr:nvSpPr>
      <xdr:spPr>
        <a:xfrm>
          <a:off x="8515428" y="9613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1641</xdr:rowOff>
    </xdr:from>
    <xdr:to>
      <xdr:col>41</xdr:col>
      <xdr:colOff>50800</xdr:colOff>
      <xdr:row>58</xdr:row>
      <xdr:rowOff>125161</xdr:rowOff>
    </xdr:to>
    <xdr:cxnSp macro="">
      <xdr:nvCxnSpPr>
        <xdr:cNvPr id="353" name="直線コネクタ 352"/>
        <xdr:cNvCxnSpPr/>
      </xdr:nvCxnSpPr>
      <xdr:spPr>
        <a:xfrm flipV="1">
          <a:off x="6972300" y="10065741"/>
          <a:ext cx="889000" cy="3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80350</xdr:rowOff>
    </xdr:from>
    <xdr:to>
      <xdr:col>41</xdr:col>
      <xdr:colOff>101600</xdr:colOff>
      <xdr:row>58</xdr:row>
      <xdr:rowOff>10500</xdr:rowOff>
    </xdr:to>
    <xdr:sp macro="" textlink="">
      <xdr:nvSpPr>
        <xdr:cNvPr id="354" name="フローチャート: 判断 353"/>
        <xdr:cNvSpPr/>
      </xdr:nvSpPr>
      <xdr:spPr>
        <a:xfrm>
          <a:off x="7810500" y="985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27027</xdr:rowOff>
    </xdr:from>
    <xdr:ext cx="469744" cy="259045"/>
    <xdr:sp macro="" textlink="">
      <xdr:nvSpPr>
        <xdr:cNvPr id="355" name="テキスト ボックス 354"/>
        <xdr:cNvSpPr txBox="1"/>
      </xdr:nvSpPr>
      <xdr:spPr>
        <a:xfrm>
          <a:off x="7626428" y="962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8659</xdr:rowOff>
    </xdr:from>
    <xdr:to>
      <xdr:col>36</xdr:col>
      <xdr:colOff>165100</xdr:colOff>
      <xdr:row>58</xdr:row>
      <xdr:rowOff>8809</xdr:rowOff>
    </xdr:to>
    <xdr:sp macro="" textlink="">
      <xdr:nvSpPr>
        <xdr:cNvPr id="356" name="フローチャート: 判断 355"/>
        <xdr:cNvSpPr/>
      </xdr:nvSpPr>
      <xdr:spPr>
        <a:xfrm>
          <a:off x="69215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25336</xdr:rowOff>
    </xdr:from>
    <xdr:ext cx="469744" cy="259045"/>
    <xdr:sp macro="" textlink="">
      <xdr:nvSpPr>
        <xdr:cNvPr id="357" name="テキスト ボックス 356"/>
        <xdr:cNvSpPr txBox="1"/>
      </xdr:nvSpPr>
      <xdr:spPr>
        <a:xfrm>
          <a:off x="6737428" y="9626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9286</xdr:rowOff>
    </xdr:from>
    <xdr:to>
      <xdr:col>55</xdr:col>
      <xdr:colOff>50800</xdr:colOff>
      <xdr:row>58</xdr:row>
      <xdr:rowOff>170886</xdr:rowOff>
    </xdr:to>
    <xdr:sp macro="" textlink="">
      <xdr:nvSpPr>
        <xdr:cNvPr id="363" name="楕円 362"/>
        <xdr:cNvSpPr/>
      </xdr:nvSpPr>
      <xdr:spPr>
        <a:xfrm>
          <a:off x="10426700" y="1001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5663</xdr:rowOff>
    </xdr:from>
    <xdr:ext cx="378565" cy="259045"/>
    <xdr:sp macro="" textlink="">
      <xdr:nvSpPr>
        <xdr:cNvPr id="364" name="農林水産業費該当値テキスト"/>
        <xdr:cNvSpPr txBox="1"/>
      </xdr:nvSpPr>
      <xdr:spPr>
        <a:xfrm>
          <a:off x="10528300" y="99283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8783</xdr:rowOff>
    </xdr:from>
    <xdr:to>
      <xdr:col>50</xdr:col>
      <xdr:colOff>165100</xdr:colOff>
      <xdr:row>58</xdr:row>
      <xdr:rowOff>170383</xdr:rowOff>
    </xdr:to>
    <xdr:sp macro="" textlink="">
      <xdr:nvSpPr>
        <xdr:cNvPr id="365" name="楕円 364"/>
        <xdr:cNvSpPr/>
      </xdr:nvSpPr>
      <xdr:spPr>
        <a:xfrm>
          <a:off x="9588500" y="10012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61510</xdr:rowOff>
    </xdr:from>
    <xdr:ext cx="378565" cy="259045"/>
    <xdr:sp macro="" textlink="">
      <xdr:nvSpPr>
        <xdr:cNvPr id="366" name="テキスト ボックス 365"/>
        <xdr:cNvSpPr txBox="1"/>
      </xdr:nvSpPr>
      <xdr:spPr>
        <a:xfrm>
          <a:off x="9450017" y="101056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70338</xdr:rowOff>
    </xdr:from>
    <xdr:to>
      <xdr:col>46</xdr:col>
      <xdr:colOff>38100</xdr:colOff>
      <xdr:row>59</xdr:row>
      <xdr:rowOff>488</xdr:rowOff>
    </xdr:to>
    <xdr:sp macro="" textlink="">
      <xdr:nvSpPr>
        <xdr:cNvPr id="367" name="楕円 366"/>
        <xdr:cNvSpPr/>
      </xdr:nvSpPr>
      <xdr:spPr>
        <a:xfrm>
          <a:off x="8699500" y="10014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63065</xdr:rowOff>
    </xdr:from>
    <xdr:ext cx="378565" cy="259045"/>
    <xdr:sp macro="" textlink="">
      <xdr:nvSpPr>
        <xdr:cNvPr id="368" name="テキスト ボックス 367"/>
        <xdr:cNvSpPr txBox="1"/>
      </xdr:nvSpPr>
      <xdr:spPr>
        <a:xfrm>
          <a:off x="8561017" y="101071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0841</xdr:rowOff>
    </xdr:from>
    <xdr:to>
      <xdr:col>41</xdr:col>
      <xdr:colOff>101600</xdr:colOff>
      <xdr:row>59</xdr:row>
      <xdr:rowOff>991</xdr:rowOff>
    </xdr:to>
    <xdr:sp macro="" textlink="">
      <xdr:nvSpPr>
        <xdr:cNvPr id="369" name="楕円 368"/>
        <xdr:cNvSpPr/>
      </xdr:nvSpPr>
      <xdr:spPr>
        <a:xfrm>
          <a:off x="7810500" y="10014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63568</xdr:rowOff>
    </xdr:from>
    <xdr:ext cx="378565" cy="259045"/>
    <xdr:sp macro="" textlink="">
      <xdr:nvSpPr>
        <xdr:cNvPr id="370" name="テキスト ボックス 369"/>
        <xdr:cNvSpPr txBox="1"/>
      </xdr:nvSpPr>
      <xdr:spPr>
        <a:xfrm>
          <a:off x="7672017" y="101076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4361</xdr:rowOff>
    </xdr:from>
    <xdr:to>
      <xdr:col>36</xdr:col>
      <xdr:colOff>165100</xdr:colOff>
      <xdr:row>59</xdr:row>
      <xdr:rowOff>4511</xdr:rowOff>
    </xdr:to>
    <xdr:sp macro="" textlink="">
      <xdr:nvSpPr>
        <xdr:cNvPr id="371" name="楕円 370"/>
        <xdr:cNvSpPr/>
      </xdr:nvSpPr>
      <xdr:spPr>
        <a:xfrm>
          <a:off x="6921500" y="10018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67088</xdr:rowOff>
    </xdr:from>
    <xdr:ext cx="378565" cy="259045"/>
    <xdr:sp macro="" textlink="">
      <xdr:nvSpPr>
        <xdr:cNvPr id="372" name="テキスト ボックス 371"/>
        <xdr:cNvSpPr txBox="1"/>
      </xdr:nvSpPr>
      <xdr:spPr>
        <a:xfrm>
          <a:off x="6783017" y="101111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7127</xdr:rowOff>
    </xdr:from>
    <xdr:to>
      <xdr:col>54</xdr:col>
      <xdr:colOff>189865</xdr:colOff>
      <xdr:row>79</xdr:row>
      <xdr:rowOff>71872</xdr:rowOff>
    </xdr:to>
    <xdr:cxnSp macro="">
      <xdr:nvCxnSpPr>
        <xdr:cNvPr id="398" name="直線コネクタ 397"/>
        <xdr:cNvCxnSpPr/>
      </xdr:nvCxnSpPr>
      <xdr:spPr>
        <a:xfrm flipV="1">
          <a:off x="10475595" y="12230077"/>
          <a:ext cx="1270" cy="1386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5699</xdr:rowOff>
    </xdr:from>
    <xdr:ext cx="469744" cy="259045"/>
    <xdr:sp macro="" textlink="">
      <xdr:nvSpPr>
        <xdr:cNvPr id="399" name="商工費最小値テキスト"/>
        <xdr:cNvSpPr txBox="1"/>
      </xdr:nvSpPr>
      <xdr:spPr>
        <a:xfrm>
          <a:off x="10528300" y="13620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71872</xdr:rowOff>
    </xdr:from>
    <xdr:to>
      <xdr:col>55</xdr:col>
      <xdr:colOff>88900</xdr:colOff>
      <xdr:row>79</xdr:row>
      <xdr:rowOff>71872</xdr:rowOff>
    </xdr:to>
    <xdr:cxnSp macro="">
      <xdr:nvCxnSpPr>
        <xdr:cNvPr id="400" name="直線コネクタ 399"/>
        <xdr:cNvCxnSpPr/>
      </xdr:nvCxnSpPr>
      <xdr:spPr>
        <a:xfrm>
          <a:off x="10388600" y="13616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804</xdr:rowOff>
    </xdr:from>
    <xdr:ext cx="534377" cy="259045"/>
    <xdr:sp macro="" textlink="">
      <xdr:nvSpPr>
        <xdr:cNvPr id="401" name="商工費最大値テキスト"/>
        <xdr:cNvSpPr txBox="1"/>
      </xdr:nvSpPr>
      <xdr:spPr>
        <a:xfrm>
          <a:off x="10528300" y="12005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55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7127</xdr:rowOff>
    </xdr:from>
    <xdr:to>
      <xdr:col>55</xdr:col>
      <xdr:colOff>88900</xdr:colOff>
      <xdr:row>71</xdr:row>
      <xdr:rowOff>57127</xdr:rowOff>
    </xdr:to>
    <xdr:cxnSp macro="">
      <xdr:nvCxnSpPr>
        <xdr:cNvPr id="402" name="直線コネクタ 401"/>
        <xdr:cNvCxnSpPr/>
      </xdr:nvCxnSpPr>
      <xdr:spPr>
        <a:xfrm>
          <a:off x="10388600" y="1223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5678</xdr:rowOff>
    </xdr:from>
    <xdr:to>
      <xdr:col>55</xdr:col>
      <xdr:colOff>0</xdr:colOff>
      <xdr:row>79</xdr:row>
      <xdr:rowOff>47051</xdr:rowOff>
    </xdr:to>
    <xdr:cxnSp macro="">
      <xdr:nvCxnSpPr>
        <xdr:cNvPr id="403" name="直線コネクタ 402"/>
        <xdr:cNvCxnSpPr/>
      </xdr:nvCxnSpPr>
      <xdr:spPr>
        <a:xfrm flipV="1">
          <a:off x="9639300" y="13570228"/>
          <a:ext cx="838200" cy="21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8373</xdr:rowOff>
    </xdr:from>
    <xdr:ext cx="534377" cy="259045"/>
    <xdr:sp macro="" textlink="">
      <xdr:nvSpPr>
        <xdr:cNvPr id="404" name="商工費平均値テキスト"/>
        <xdr:cNvSpPr txBox="1"/>
      </xdr:nvSpPr>
      <xdr:spPr>
        <a:xfrm>
          <a:off x="10528300" y="132500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5496</xdr:rowOff>
    </xdr:from>
    <xdr:to>
      <xdr:col>55</xdr:col>
      <xdr:colOff>50800</xdr:colOff>
      <xdr:row>78</xdr:row>
      <xdr:rowOff>127096</xdr:rowOff>
    </xdr:to>
    <xdr:sp macro="" textlink="">
      <xdr:nvSpPr>
        <xdr:cNvPr id="405" name="フローチャート: 判断 404"/>
        <xdr:cNvSpPr/>
      </xdr:nvSpPr>
      <xdr:spPr>
        <a:xfrm>
          <a:off x="10426700" y="1339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2704</xdr:rowOff>
    </xdr:from>
    <xdr:to>
      <xdr:col>50</xdr:col>
      <xdr:colOff>114300</xdr:colOff>
      <xdr:row>79</xdr:row>
      <xdr:rowOff>47051</xdr:rowOff>
    </xdr:to>
    <xdr:cxnSp macro="">
      <xdr:nvCxnSpPr>
        <xdr:cNvPr id="406" name="直線コネクタ 405"/>
        <xdr:cNvCxnSpPr/>
      </xdr:nvCxnSpPr>
      <xdr:spPr>
        <a:xfrm>
          <a:off x="8750300" y="13547254"/>
          <a:ext cx="889000" cy="4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922</xdr:rowOff>
    </xdr:from>
    <xdr:to>
      <xdr:col>50</xdr:col>
      <xdr:colOff>165100</xdr:colOff>
      <xdr:row>78</xdr:row>
      <xdr:rowOff>110522</xdr:rowOff>
    </xdr:to>
    <xdr:sp macro="" textlink="">
      <xdr:nvSpPr>
        <xdr:cNvPr id="407" name="フローチャート: 判断 406"/>
        <xdr:cNvSpPr/>
      </xdr:nvSpPr>
      <xdr:spPr>
        <a:xfrm>
          <a:off x="95885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7049</xdr:rowOff>
    </xdr:from>
    <xdr:ext cx="534377" cy="259045"/>
    <xdr:sp macro="" textlink="">
      <xdr:nvSpPr>
        <xdr:cNvPr id="408" name="テキスト ボックス 407"/>
        <xdr:cNvSpPr txBox="1"/>
      </xdr:nvSpPr>
      <xdr:spPr>
        <a:xfrm>
          <a:off x="9372111" y="1315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2704</xdr:rowOff>
    </xdr:from>
    <xdr:to>
      <xdr:col>45</xdr:col>
      <xdr:colOff>177800</xdr:colOff>
      <xdr:row>79</xdr:row>
      <xdr:rowOff>58629</xdr:rowOff>
    </xdr:to>
    <xdr:cxnSp macro="">
      <xdr:nvCxnSpPr>
        <xdr:cNvPr id="409" name="直線コネクタ 408"/>
        <xdr:cNvCxnSpPr/>
      </xdr:nvCxnSpPr>
      <xdr:spPr>
        <a:xfrm flipV="1">
          <a:off x="7861300" y="13547254"/>
          <a:ext cx="889000" cy="55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7963</xdr:rowOff>
    </xdr:from>
    <xdr:to>
      <xdr:col>46</xdr:col>
      <xdr:colOff>38100</xdr:colOff>
      <xdr:row>78</xdr:row>
      <xdr:rowOff>98113</xdr:rowOff>
    </xdr:to>
    <xdr:sp macro="" textlink="">
      <xdr:nvSpPr>
        <xdr:cNvPr id="410" name="フローチャート: 判断 409"/>
        <xdr:cNvSpPr/>
      </xdr:nvSpPr>
      <xdr:spPr>
        <a:xfrm>
          <a:off x="86995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4640</xdr:rowOff>
    </xdr:from>
    <xdr:ext cx="534377" cy="259045"/>
    <xdr:sp macro="" textlink="">
      <xdr:nvSpPr>
        <xdr:cNvPr id="411" name="テキスト ボックス 410"/>
        <xdr:cNvSpPr txBox="1"/>
      </xdr:nvSpPr>
      <xdr:spPr>
        <a:xfrm>
          <a:off x="8483111" y="1314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58629</xdr:rowOff>
    </xdr:from>
    <xdr:to>
      <xdr:col>41</xdr:col>
      <xdr:colOff>50800</xdr:colOff>
      <xdr:row>79</xdr:row>
      <xdr:rowOff>67773</xdr:rowOff>
    </xdr:to>
    <xdr:cxnSp macro="">
      <xdr:nvCxnSpPr>
        <xdr:cNvPr id="412" name="直線コネクタ 411"/>
        <xdr:cNvCxnSpPr/>
      </xdr:nvCxnSpPr>
      <xdr:spPr>
        <a:xfrm flipV="1">
          <a:off x="6972300" y="13603179"/>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4853</xdr:rowOff>
    </xdr:from>
    <xdr:to>
      <xdr:col>41</xdr:col>
      <xdr:colOff>101600</xdr:colOff>
      <xdr:row>79</xdr:row>
      <xdr:rowOff>35003</xdr:rowOff>
    </xdr:to>
    <xdr:sp macro="" textlink="">
      <xdr:nvSpPr>
        <xdr:cNvPr id="413" name="フローチャート: 判断 412"/>
        <xdr:cNvSpPr/>
      </xdr:nvSpPr>
      <xdr:spPr>
        <a:xfrm>
          <a:off x="7810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1530</xdr:rowOff>
    </xdr:from>
    <xdr:ext cx="469744" cy="259045"/>
    <xdr:sp macro="" textlink="">
      <xdr:nvSpPr>
        <xdr:cNvPr id="414" name="テキスト ボックス 413"/>
        <xdr:cNvSpPr txBox="1"/>
      </xdr:nvSpPr>
      <xdr:spPr>
        <a:xfrm>
          <a:off x="7626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0421</xdr:rowOff>
    </xdr:from>
    <xdr:to>
      <xdr:col>36</xdr:col>
      <xdr:colOff>165100</xdr:colOff>
      <xdr:row>79</xdr:row>
      <xdr:rowOff>40571</xdr:rowOff>
    </xdr:to>
    <xdr:sp macro="" textlink="">
      <xdr:nvSpPr>
        <xdr:cNvPr id="415" name="フローチャート: 判断 414"/>
        <xdr:cNvSpPr/>
      </xdr:nvSpPr>
      <xdr:spPr>
        <a:xfrm>
          <a:off x="6921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57098</xdr:rowOff>
    </xdr:from>
    <xdr:ext cx="469744" cy="259045"/>
    <xdr:sp macro="" textlink="">
      <xdr:nvSpPr>
        <xdr:cNvPr id="416" name="テキスト ボックス 415"/>
        <xdr:cNvSpPr txBox="1"/>
      </xdr:nvSpPr>
      <xdr:spPr>
        <a:xfrm>
          <a:off x="6737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6328</xdr:rowOff>
    </xdr:from>
    <xdr:to>
      <xdr:col>55</xdr:col>
      <xdr:colOff>50800</xdr:colOff>
      <xdr:row>79</xdr:row>
      <xdr:rowOff>76478</xdr:rowOff>
    </xdr:to>
    <xdr:sp macro="" textlink="">
      <xdr:nvSpPr>
        <xdr:cNvPr id="422" name="楕円 421"/>
        <xdr:cNvSpPr/>
      </xdr:nvSpPr>
      <xdr:spPr>
        <a:xfrm>
          <a:off x="10426700" y="1351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1255</xdr:rowOff>
    </xdr:from>
    <xdr:ext cx="469744" cy="259045"/>
    <xdr:sp macro="" textlink="">
      <xdr:nvSpPr>
        <xdr:cNvPr id="423" name="商工費該当値テキスト"/>
        <xdr:cNvSpPr txBox="1"/>
      </xdr:nvSpPr>
      <xdr:spPr>
        <a:xfrm>
          <a:off x="10528300" y="1343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7701</xdr:rowOff>
    </xdr:from>
    <xdr:to>
      <xdr:col>50</xdr:col>
      <xdr:colOff>165100</xdr:colOff>
      <xdr:row>79</xdr:row>
      <xdr:rowOff>97851</xdr:rowOff>
    </xdr:to>
    <xdr:sp macro="" textlink="">
      <xdr:nvSpPr>
        <xdr:cNvPr id="424" name="楕円 423"/>
        <xdr:cNvSpPr/>
      </xdr:nvSpPr>
      <xdr:spPr>
        <a:xfrm>
          <a:off x="9588500" y="13540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88978</xdr:rowOff>
    </xdr:from>
    <xdr:ext cx="469744" cy="259045"/>
    <xdr:sp macro="" textlink="">
      <xdr:nvSpPr>
        <xdr:cNvPr id="425" name="テキスト ボックス 424"/>
        <xdr:cNvSpPr txBox="1"/>
      </xdr:nvSpPr>
      <xdr:spPr>
        <a:xfrm>
          <a:off x="9404428" y="13633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3354</xdr:rowOff>
    </xdr:from>
    <xdr:to>
      <xdr:col>46</xdr:col>
      <xdr:colOff>38100</xdr:colOff>
      <xdr:row>79</xdr:row>
      <xdr:rowOff>53504</xdr:rowOff>
    </xdr:to>
    <xdr:sp macro="" textlink="">
      <xdr:nvSpPr>
        <xdr:cNvPr id="426" name="楕円 425"/>
        <xdr:cNvSpPr/>
      </xdr:nvSpPr>
      <xdr:spPr>
        <a:xfrm>
          <a:off x="8699500" y="1349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4631</xdr:rowOff>
    </xdr:from>
    <xdr:ext cx="469744" cy="259045"/>
    <xdr:sp macro="" textlink="">
      <xdr:nvSpPr>
        <xdr:cNvPr id="427" name="テキスト ボックス 426"/>
        <xdr:cNvSpPr txBox="1"/>
      </xdr:nvSpPr>
      <xdr:spPr>
        <a:xfrm>
          <a:off x="8515428" y="13589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7829</xdr:rowOff>
    </xdr:from>
    <xdr:to>
      <xdr:col>41</xdr:col>
      <xdr:colOff>101600</xdr:colOff>
      <xdr:row>79</xdr:row>
      <xdr:rowOff>109429</xdr:rowOff>
    </xdr:to>
    <xdr:sp macro="" textlink="">
      <xdr:nvSpPr>
        <xdr:cNvPr id="428" name="楕円 427"/>
        <xdr:cNvSpPr/>
      </xdr:nvSpPr>
      <xdr:spPr>
        <a:xfrm>
          <a:off x="7810500" y="13552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00556</xdr:rowOff>
    </xdr:from>
    <xdr:ext cx="469744" cy="259045"/>
    <xdr:sp macro="" textlink="">
      <xdr:nvSpPr>
        <xdr:cNvPr id="429" name="テキスト ボックス 428"/>
        <xdr:cNvSpPr txBox="1"/>
      </xdr:nvSpPr>
      <xdr:spPr>
        <a:xfrm>
          <a:off x="7626428" y="13645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16973</xdr:rowOff>
    </xdr:from>
    <xdr:to>
      <xdr:col>36</xdr:col>
      <xdr:colOff>165100</xdr:colOff>
      <xdr:row>79</xdr:row>
      <xdr:rowOff>118573</xdr:rowOff>
    </xdr:to>
    <xdr:sp macro="" textlink="">
      <xdr:nvSpPr>
        <xdr:cNvPr id="430" name="楕円 429"/>
        <xdr:cNvSpPr/>
      </xdr:nvSpPr>
      <xdr:spPr>
        <a:xfrm>
          <a:off x="6921500" y="13561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09700</xdr:rowOff>
    </xdr:from>
    <xdr:ext cx="469744" cy="259045"/>
    <xdr:sp macro="" textlink="">
      <xdr:nvSpPr>
        <xdr:cNvPr id="431" name="テキスト ボックス 430"/>
        <xdr:cNvSpPr txBox="1"/>
      </xdr:nvSpPr>
      <xdr:spPr>
        <a:xfrm>
          <a:off x="6737428" y="13654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2" name="テキスト ボックス 441"/>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4" name="テキスト ボックス 443"/>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5424</xdr:rowOff>
    </xdr:from>
    <xdr:to>
      <xdr:col>54</xdr:col>
      <xdr:colOff>189865</xdr:colOff>
      <xdr:row>99</xdr:row>
      <xdr:rowOff>143749</xdr:rowOff>
    </xdr:to>
    <xdr:cxnSp macro="">
      <xdr:nvCxnSpPr>
        <xdr:cNvPr id="458" name="直線コネクタ 457"/>
        <xdr:cNvCxnSpPr/>
      </xdr:nvCxnSpPr>
      <xdr:spPr>
        <a:xfrm flipV="1">
          <a:off x="10475595" y="15515924"/>
          <a:ext cx="1270" cy="1601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47576</xdr:rowOff>
    </xdr:from>
    <xdr:ext cx="534377" cy="259045"/>
    <xdr:sp macro="" textlink="">
      <xdr:nvSpPr>
        <xdr:cNvPr id="459" name="土木費最小値テキスト"/>
        <xdr:cNvSpPr txBox="1"/>
      </xdr:nvSpPr>
      <xdr:spPr>
        <a:xfrm>
          <a:off x="10528300" y="17121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3749</xdr:rowOff>
    </xdr:from>
    <xdr:to>
      <xdr:col>55</xdr:col>
      <xdr:colOff>88900</xdr:colOff>
      <xdr:row>99</xdr:row>
      <xdr:rowOff>143749</xdr:rowOff>
    </xdr:to>
    <xdr:cxnSp macro="">
      <xdr:nvCxnSpPr>
        <xdr:cNvPr id="460" name="直線コネクタ 459"/>
        <xdr:cNvCxnSpPr/>
      </xdr:nvCxnSpPr>
      <xdr:spPr>
        <a:xfrm>
          <a:off x="10388600" y="17117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2101</xdr:rowOff>
    </xdr:from>
    <xdr:ext cx="599010" cy="259045"/>
    <xdr:sp macro="" textlink="">
      <xdr:nvSpPr>
        <xdr:cNvPr id="461" name="土木費最大値テキスト"/>
        <xdr:cNvSpPr txBox="1"/>
      </xdr:nvSpPr>
      <xdr:spPr>
        <a:xfrm>
          <a:off x="10528300" y="152911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3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5424</xdr:rowOff>
    </xdr:from>
    <xdr:to>
      <xdr:col>55</xdr:col>
      <xdr:colOff>88900</xdr:colOff>
      <xdr:row>90</xdr:row>
      <xdr:rowOff>85424</xdr:rowOff>
    </xdr:to>
    <xdr:cxnSp macro="">
      <xdr:nvCxnSpPr>
        <xdr:cNvPr id="462" name="直線コネクタ 461"/>
        <xdr:cNvCxnSpPr/>
      </xdr:nvCxnSpPr>
      <xdr:spPr>
        <a:xfrm>
          <a:off x="10388600" y="15515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9</xdr:row>
      <xdr:rowOff>43966</xdr:rowOff>
    </xdr:from>
    <xdr:to>
      <xdr:col>55</xdr:col>
      <xdr:colOff>0</xdr:colOff>
      <xdr:row>99</xdr:row>
      <xdr:rowOff>150640</xdr:rowOff>
    </xdr:to>
    <xdr:cxnSp macro="">
      <xdr:nvCxnSpPr>
        <xdr:cNvPr id="463" name="直線コネクタ 462"/>
        <xdr:cNvCxnSpPr/>
      </xdr:nvCxnSpPr>
      <xdr:spPr>
        <a:xfrm flipV="1">
          <a:off x="9639300" y="17017516"/>
          <a:ext cx="838200" cy="106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95269</xdr:rowOff>
    </xdr:from>
    <xdr:ext cx="534377" cy="259045"/>
    <xdr:sp macro="" textlink="">
      <xdr:nvSpPr>
        <xdr:cNvPr id="464" name="土木費平均値テキスト"/>
        <xdr:cNvSpPr txBox="1"/>
      </xdr:nvSpPr>
      <xdr:spPr>
        <a:xfrm>
          <a:off x="10528300" y="165544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392</xdr:rowOff>
    </xdr:from>
    <xdr:to>
      <xdr:col>55</xdr:col>
      <xdr:colOff>50800</xdr:colOff>
      <xdr:row>98</xdr:row>
      <xdr:rowOff>2542</xdr:rowOff>
    </xdr:to>
    <xdr:sp macro="" textlink="">
      <xdr:nvSpPr>
        <xdr:cNvPr id="465" name="フローチャート: 判断 464"/>
        <xdr:cNvSpPr/>
      </xdr:nvSpPr>
      <xdr:spPr>
        <a:xfrm>
          <a:off x="10426700" y="1670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9</xdr:row>
      <xdr:rowOff>126932</xdr:rowOff>
    </xdr:from>
    <xdr:to>
      <xdr:col>50</xdr:col>
      <xdr:colOff>114300</xdr:colOff>
      <xdr:row>99</xdr:row>
      <xdr:rowOff>150640</xdr:rowOff>
    </xdr:to>
    <xdr:cxnSp macro="">
      <xdr:nvCxnSpPr>
        <xdr:cNvPr id="466" name="直線コネクタ 465"/>
        <xdr:cNvCxnSpPr/>
      </xdr:nvCxnSpPr>
      <xdr:spPr>
        <a:xfrm>
          <a:off x="8750300" y="17100482"/>
          <a:ext cx="889000" cy="23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5027</xdr:rowOff>
    </xdr:from>
    <xdr:to>
      <xdr:col>50</xdr:col>
      <xdr:colOff>165100</xdr:colOff>
      <xdr:row>97</xdr:row>
      <xdr:rowOff>166627</xdr:rowOff>
    </xdr:to>
    <xdr:sp macro="" textlink="">
      <xdr:nvSpPr>
        <xdr:cNvPr id="467" name="フローチャート: 判断 466"/>
        <xdr:cNvSpPr/>
      </xdr:nvSpPr>
      <xdr:spPr>
        <a:xfrm>
          <a:off x="9588500" y="16695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704</xdr:rowOff>
    </xdr:from>
    <xdr:ext cx="534377" cy="259045"/>
    <xdr:sp macro="" textlink="">
      <xdr:nvSpPr>
        <xdr:cNvPr id="468" name="テキスト ボックス 467"/>
        <xdr:cNvSpPr txBox="1"/>
      </xdr:nvSpPr>
      <xdr:spPr>
        <a:xfrm>
          <a:off x="9372111" y="1647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9</xdr:row>
      <xdr:rowOff>113199</xdr:rowOff>
    </xdr:from>
    <xdr:to>
      <xdr:col>45</xdr:col>
      <xdr:colOff>177800</xdr:colOff>
      <xdr:row>99</xdr:row>
      <xdr:rowOff>126932</xdr:rowOff>
    </xdr:to>
    <xdr:cxnSp macro="">
      <xdr:nvCxnSpPr>
        <xdr:cNvPr id="469" name="直線コネクタ 468"/>
        <xdr:cNvCxnSpPr/>
      </xdr:nvCxnSpPr>
      <xdr:spPr>
        <a:xfrm>
          <a:off x="7861300" y="17086749"/>
          <a:ext cx="889000" cy="13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9847</xdr:rowOff>
    </xdr:from>
    <xdr:to>
      <xdr:col>46</xdr:col>
      <xdr:colOff>38100</xdr:colOff>
      <xdr:row>98</xdr:row>
      <xdr:rowOff>19997</xdr:rowOff>
    </xdr:to>
    <xdr:sp macro="" textlink="">
      <xdr:nvSpPr>
        <xdr:cNvPr id="470" name="フローチャート: 判断 469"/>
        <xdr:cNvSpPr/>
      </xdr:nvSpPr>
      <xdr:spPr>
        <a:xfrm>
          <a:off x="8699500" y="167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6524</xdr:rowOff>
    </xdr:from>
    <xdr:ext cx="534377" cy="259045"/>
    <xdr:sp macro="" textlink="">
      <xdr:nvSpPr>
        <xdr:cNvPr id="471" name="テキスト ボックス 470"/>
        <xdr:cNvSpPr txBox="1"/>
      </xdr:nvSpPr>
      <xdr:spPr>
        <a:xfrm>
          <a:off x="8483111" y="16495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9</xdr:row>
      <xdr:rowOff>75366</xdr:rowOff>
    </xdr:from>
    <xdr:to>
      <xdr:col>41</xdr:col>
      <xdr:colOff>50800</xdr:colOff>
      <xdr:row>99</xdr:row>
      <xdr:rowOff>113199</xdr:rowOff>
    </xdr:to>
    <xdr:cxnSp macro="">
      <xdr:nvCxnSpPr>
        <xdr:cNvPr id="472" name="直線コネクタ 471"/>
        <xdr:cNvCxnSpPr/>
      </xdr:nvCxnSpPr>
      <xdr:spPr>
        <a:xfrm>
          <a:off x="6972300" y="17048916"/>
          <a:ext cx="889000" cy="37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0118</xdr:rowOff>
    </xdr:from>
    <xdr:to>
      <xdr:col>41</xdr:col>
      <xdr:colOff>101600</xdr:colOff>
      <xdr:row>98</xdr:row>
      <xdr:rowOff>30268</xdr:rowOff>
    </xdr:to>
    <xdr:sp macro="" textlink="">
      <xdr:nvSpPr>
        <xdr:cNvPr id="473" name="フローチャート: 判断 472"/>
        <xdr:cNvSpPr/>
      </xdr:nvSpPr>
      <xdr:spPr>
        <a:xfrm>
          <a:off x="7810500" y="1673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6795</xdr:rowOff>
    </xdr:from>
    <xdr:ext cx="534377" cy="259045"/>
    <xdr:sp macro="" textlink="">
      <xdr:nvSpPr>
        <xdr:cNvPr id="474" name="テキスト ボックス 473"/>
        <xdr:cNvSpPr txBox="1"/>
      </xdr:nvSpPr>
      <xdr:spPr>
        <a:xfrm>
          <a:off x="7594111" y="16505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034</xdr:rowOff>
    </xdr:from>
    <xdr:to>
      <xdr:col>36</xdr:col>
      <xdr:colOff>165100</xdr:colOff>
      <xdr:row>98</xdr:row>
      <xdr:rowOff>14184</xdr:rowOff>
    </xdr:to>
    <xdr:sp macro="" textlink="">
      <xdr:nvSpPr>
        <xdr:cNvPr id="475" name="フローチャート: 判断 474"/>
        <xdr:cNvSpPr/>
      </xdr:nvSpPr>
      <xdr:spPr>
        <a:xfrm>
          <a:off x="6921500" y="1671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0711</xdr:rowOff>
    </xdr:from>
    <xdr:ext cx="534377" cy="259045"/>
    <xdr:sp macro="" textlink="">
      <xdr:nvSpPr>
        <xdr:cNvPr id="476" name="テキスト ボックス 475"/>
        <xdr:cNvSpPr txBox="1"/>
      </xdr:nvSpPr>
      <xdr:spPr>
        <a:xfrm>
          <a:off x="6705111" y="16489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64616</xdr:rowOff>
    </xdr:from>
    <xdr:to>
      <xdr:col>55</xdr:col>
      <xdr:colOff>50800</xdr:colOff>
      <xdr:row>99</xdr:row>
      <xdr:rowOff>94766</xdr:rowOff>
    </xdr:to>
    <xdr:sp macro="" textlink="">
      <xdr:nvSpPr>
        <xdr:cNvPr id="482" name="楕円 481"/>
        <xdr:cNvSpPr/>
      </xdr:nvSpPr>
      <xdr:spPr>
        <a:xfrm>
          <a:off x="10426700" y="16966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79543</xdr:rowOff>
    </xdr:from>
    <xdr:ext cx="534377" cy="259045"/>
    <xdr:sp macro="" textlink="">
      <xdr:nvSpPr>
        <xdr:cNvPr id="483" name="土木費該当値テキスト"/>
        <xdr:cNvSpPr txBox="1"/>
      </xdr:nvSpPr>
      <xdr:spPr>
        <a:xfrm>
          <a:off x="10528300" y="16881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9</xdr:row>
      <xdr:rowOff>99840</xdr:rowOff>
    </xdr:from>
    <xdr:to>
      <xdr:col>50</xdr:col>
      <xdr:colOff>165100</xdr:colOff>
      <xdr:row>100</xdr:row>
      <xdr:rowOff>29990</xdr:rowOff>
    </xdr:to>
    <xdr:sp macro="" textlink="">
      <xdr:nvSpPr>
        <xdr:cNvPr id="484" name="楕円 483"/>
        <xdr:cNvSpPr/>
      </xdr:nvSpPr>
      <xdr:spPr>
        <a:xfrm>
          <a:off x="9588500" y="1707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100</xdr:row>
      <xdr:rowOff>21117</xdr:rowOff>
    </xdr:from>
    <xdr:ext cx="534377" cy="259045"/>
    <xdr:sp macro="" textlink="">
      <xdr:nvSpPr>
        <xdr:cNvPr id="485" name="テキスト ボックス 484"/>
        <xdr:cNvSpPr txBox="1"/>
      </xdr:nvSpPr>
      <xdr:spPr>
        <a:xfrm>
          <a:off x="9372111" y="17166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9</xdr:row>
      <xdr:rowOff>76132</xdr:rowOff>
    </xdr:from>
    <xdr:to>
      <xdr:col>46</xdr:col>
      <xdr:colOff>38100</xdr:colOff>
      <xdr:row>100</xdr:row>
      <xdr:rowOff>6282</xdr:rowOff>
    </xdr:to>
    <xdr:sp macro="" textlink="">
      <xdr:nvSpPr>
        <xdr:cNvPr id="486" name="楕円 485"/>
        <xdr:cNvSpPr/>
      </xdr:nvSpPr>
      <xdr:spPr>
        <a:xfrm>
          <a:off x="8699500" y="17049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168859</xdr:rowOff>
    </xdr:from>
    <xdr:ext cx="534377" cy="259045"/>
    <xdr:sp macro="" textlink="">
      <xdr:nvSpPr>
        <xdr:cNvPr id="487" name="テキスト ボックス 486"/>
        <xdr:cNvSpPr txBox="1"/>
      </xdr:nvSpPr>
      <xdr:spPr>
        <a:xfrm>
          <a:off x="8483111" y="17142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9</xdr:row>
      <xdr:rowOff>62399</xdr:rowOff>
    </xdr:from>
    <xdr:to>
      <xdr:col>41</xdr:col>
      <xdr:colOff>101600</xdr:colOff>
      <xdr:row>99</xdr:row>
      <xdr:rowOff>163999</xdr:rowOff>
    </xdr:to>
    <xdr:sp macro="" textlink="">
      <xdr:nvSpPr>
        <xdr:cNvPr id="488" name="楕円 487"/>
        <xdr:cNvSpPr/>
      </xdr:nvSpPr>
      <xdr:spPr>
        <a:xfrm>
          <a:off x="7810500" y="17035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155126</xdr:rowOff>
    </xdr:from>
    <xdr:ext cx="534377" cy="259045"/>
    <xdr:sp macro="" textlink="">
      <xdr:nvSpPr>
        <xdr:cNvPr id="489" name="テキスト ボックス 488"/>
        <xdr:cNvSpPr txBox="1"/>
      </xdr:nvSpPr>
      <xdr:spPr>
        <a:xfrm>
          <a:off x="7594111" y="17128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9</xdr:row>
      <xdr:rowOff>24566</xdr:rowOff>
    </xdr:from>
    <xdr:to>
      <xdr:col>36</xdr:col>
      <xdr:colOff>165100</xdr:colOff>
      <xdr:row>99</xdr:row>
      <xdr:rowOff>126166</xdr:rowOff>
    </xdr:to>
    <xdr:sp macro="" textlink="">
      <xdr:nvSpPr>
        <xdr:cNvPr id="490" name="楕円 489"/>
        <xdr:cNvSpPr/>
      </xdr:nvSpPr>
      <xdr:spPr>
        <a:xfrm>
          <a:off x="6921500" y="1699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9</xdr:row>
      <xdr:rowOff>117293</xdr:rowOff>
    </xdr:from>
    <xdr:ext cx="534377" cy="259045"/>
    <xdr:sp macro="" textlink="">
      <xdr:nvSpPr>
        <xdr:cNvPr id="491" name="テキスト ボックス 490"/>
        <xdr:cNvSpPr txBox="1"/>
      </xdr:nvSpPr>
      <xdr:spPr>
        <a:xfrm>
          <a:off x="6705111" y="17090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39700</xdr:rowOff>
    </xdr:from>
    <xdr:to>
      <xdr:col>89</xdr:col>
      <xdr:colOff>177800</xdr:colOff>
      <xdr:row>39</xdr:row>
      <xdr:rowOff>139700</xdr:rowOff>
    </xdr:to>
    <xdr:cxnSp macro="">
      <xdr:nvCxnSpPr>
        <xdr:cNvPr id="503" name="直線コネクタ 502"/>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68927</xdr:rowOff>
    </xdr:from>
    <xdr:ext cx="467179" cy="259045"/>
    <xdr:sp macro="" textlink="">
      <xdr:nvSpPr>
        <xdr:cNvPr id="504" name="テキスト ボックス 503"/>
        <xdr:cNvSpPr txBox="1"/>
      </xdr:nvSpPr>
      <xdr:spPr>
        <a:xfrm>
          <a:off x="11978821" y="6684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505" name="直線コネクタ 504"/>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7</xdr:row>
      <xdr:rowOff>54627</xdr:rowOff>
    </xdr:from>
    <xdr:ext cx="467179" cy="259045"/>
    <xdr:sp macro="" textlink="">
      <xdr:nvSpPr>
        <xdr:cNvPr id="506" name="テキスト ボックス 505"/>
        <xdr:cNvSpPr txBox="1"/>
      </xdr:nvSpPr>
      <xdr:spPr>
        <a:xfrm>
          <a:off x="11978821" y="6398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507" name="直線コネクタ 506"/>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508" name="テキスト ボックス 507"/>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511" name="直線コネクタ 510"/>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54627</xdr:rowOff>
    </xdr:from>
    <xdr:ext cx="531299" cy="259045"/>
    <xdr:sp macro="" textlink="">
      <xdr:nvSpPr>
        <xdr:cNvPr id="512" name="テキスト ボックス 511"/>
        <xdr:cNvSpPr txBox="1"/>
      </xdr:nvSpPr>
      <xdr:spPr>
        <a:xfrm>
          <a:off x="11914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13" name="直線コネクタ 512"/>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14" name="テキスト ボックス 513"/>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15" name="直線コネクタ 514"/>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8</xdr:row>
      <xdr:rowOff>168927</xdr:rowOff>
    </xdr:from>
    <xdr:ext cx="531299" cy="259045"/>
    <xdr:sp macro="" textlink="">
      <xdr:nvSpPr>
        <xdr:cNvPr id="516" name="テキスト ボックス 515"/>
        <xdr:cNvSpPr txBox="1"/>
      </xdr:nvSpPr>
      <xdr:spPr>
        <a:xfrm>
          <a:off x="11914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6940</xdr:rowOff>
    </xdr:from>
    <xdr:to>
      <xdr:col>85</xdr:col>
      <xdr:colOff>126364</xdr:colOff>
      <xdr:row>38</xdr:row>
      <xdr:rowOff>131223</xdr:rowOff>
    </xdr:to>
    <xdr:cxnSp macro="">
      <xdr:nvCxnSpPr>
        <xdr:cNvPr id="520" name="直線コネクタ 519"/>
        <xdr:cNvCxnSpPr/>
      </xdr:nvCxnSpPr>
      <xdr:spPr>
        <a:xfrm flipV="1">
          <a:off x="16317595" y="5300440"/>
          <a:ext cx="1269" cy="134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5050</xdr:rowOff>
    </xdr:from>
    <xdr:ext cx="469744" cy="259045"/>
    <xdr:sp macro="" textlink="">
      <xdr:nvSpPr>
        <xdr:cNvPr id="521" name="消防費最小値テキスト"/>
        <xdr:cNvSpPr txBox="1"/>
      </xdr:nvSpPr>
      <xdr:spPr>
        <a:xfrm>
          <a:off x="16370300" y="665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1223</xdr:rowOff>
    </xdr:from>
    <xdr:to>
      <xdr:col>86</xdr:col>
      <xdr:colOff>25400</xdr:colOff>
      <xdr:row>38</xdr:row>
      <xdr:rowOff>131223</xdr:rowOff>
    </xdr:to>
    <xdr:cxnSp macro="">
      <xdr:nvCxnSpPr>
        <xdr:cNvPr id="522" name="直線コネクタ 521"/>
        <xdr:cNvCxnSpPr/>
      </xdr:nvCxnSpPr>
      <xdr:spPr>
        <a:xfrm>
          <a:off x="16230600" y="6646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3617</xdr:rowOff>
    </xdr:from>
    <xdr:ext cx="534377" cy="259045"/>
    <xdr:sp macro="" textlink="">
      <xdr:nvSpPr>
        <xdr:cNvPr id="523" name="消防費最大値テキスト"/>
        <xdr:cNvSpPr txBox="1"/>
      </xdr:nvSpPr>
      <xdr:spPr>
        <a:xfrm>
          <a:off x="16370300" y="5075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56940</xdr:rowOff>
    </xdr:from>
    <xdr:to>
      <xdr:col>86</xdr:col>
      <xdr:colOff>25400</xdr:colOff>
      <xdr:row>30</xdr:row>
      <xdr:rowOff>156940</xdr:rowOff>
    </xdr:to>
    <xdr:cxnSp macro="">
      <xdr:nvCxnSpPr>
        <xdr:cNvPr id="524" name="直線コネクタ 523"/>
        <xdr:cNvCxnSpPr/>
      </xdr:nvCxnSpPr>
      <xdr:spPr>
        <a:xfrm>
          <a:off x="16230600" y="530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33509</xdr:rowOff>
    </xdr:from>
    <xdr:to>
      <xdr:col>85</xdr:col>
      <xdr:colOff>127000</xdr:colOff>
      <xdr:row>36</xdr:row>
      <xdr:rowOff>49784</xdr:rowOff>
    </xdr:to>
    <xdr:cxnSp macro="">
      <xdr:nvCxnSpPr>
        <xdr:cNvPr id="525" name="直線コネクタ 524"/>
        <xdr:cNvCxnSpPr/>
      </xdr:nvCxnSpPr>
      <xdr:spPr>
        <a:xfrm>
          <a:off x="15481300" y="6134259"/>
          <a:ext cx="838200" cy="87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61961</xdr:rowOff>
    </xdr:from>
    <xdr:ext cx="534377" cy="259045"/>
    <xdr:sp macro="" textlink="">
      <xdr:nvSpPr>
        <xdr:cNvPr id="526" name="消防費平均値テキスト"/>
        <xdr:cNvSpPr txBox="1"/>
      </xdr:nvSpPr>
      <xdr:spPr>
        <a:xfrm>
          <a:off x="16370300" y="58912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9084</xdr:rowOff>
    </xdr:from>
    <xdr:to>
      <xdr:col>85</xdr:col>
      <xdr:colOff>177800</xdr:colOff>
      <xdr:row>35</xdr:row>
      <xdr:rowOff>140684</xdr:rowOff>
    </xdr:to>
    <xdr:sp macro="" textlink="">
      <xdr:nvSpPr>
        <xdr:cNvPr id="527" name="フローチャート: 判断 526"/>
        <xdr:cNvSpPr/>
      </xdr:nvSpPr>
      <xdr:spPr>
        <a:xfrm>
          <a:off x="16268700" y="603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33509</xdr:rowOff>
    </xdr:from>
    <xdr:to>
      <xdr:col>81</xdr:col>
      <xdr:colOff>50800</xdr:colOff>
      <xdr:row>36</xdr:row>
      <xdr:rowOff>20161</xdr:rowOff>
    </xdr:to>
    <xdr:cxnSp macro="">
      <xdr:nvCxnSpPr>
        <xdr:cNvPr id="528" name="直線コネクタ 527"/>
        <xdr:cNvCxnSpPr/>
      </xdr:nvCxnSpPr>
      <xdr:spPr>
        <a:xfrm flipV="1">
          <a:off x="14592300" y="6134259"/>
          <a:ext cx="889000" cy="58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5655</xdr:rowOff>
    </xdr:from>
    <xdr:to>
      <xdr:col>81</xdr:col>
      <xdr:colOff>101600</xdr:colOff>
      <xdr:row>35</xdr:row>
      <xdr:rowOff>137255</xdr:rowOff>
    </xdr:to>
    <xdr:sp macro="" textlink="">
      <xdr:nvSpPr>
        <xdr:cNvPr id="529" name="フローチャート: 判断 528"/>
        <xdr:cNvSpPr/>
      </xdr:nvSpPr>
      <xdr:spPr>
        <a:xfrm>
          <a:off x="15430500" y="603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53782</xdr:rowOff>
    </xdr:from>
    <xdr:ext cx="534377" cy="259045"/>
    <xdr:sp macro="" textlink="">
      <xdr:nvSpPr>
        <xdr:cNvPr id="530" name="テキスト ボックス 529"/>
        <xdr:cNvSpPr txBox="1"/>
      </xdr:nvSpPr>
      <xdr:spPr>
        <a:xfrm>
          <a:off x="15214111" y="5811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0541</xdr:rowOff>
    </xdr:from>
    <xdr:to>
      <xdr:col>76</xdr:col>
      <xdr:colOff>114300</xdr:colOff>
      <xdr:row>36</xdr:row>
      <xdr:rowOff>20161</xdr:rowOff>
    </xdr:to>
    <xdr:cxnSp macro="">
      <xdr:nvCxnSpPr>
        <xdr:cNvPr id="531" name="直線コネクタ 530"/>
        <xdr:cNvCxnSpPr/>
      </xdr:nvCxnSpPr>
      <xdr:spPr>
        <a:xfrm>
          <a:off x="13703300" y="6011291"/>
          <a:ext cx="889000" cy="181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42335</xdr:rowOff>
    </xdr:from>
    <xdr:to>
      <xdr:col>76</xdr:col>
      <xdr:colOff>165100</xdr:colOff>
      <xdr:row>35</xdr:row>
      <xdr:rowOff>72485</xdr:rowOff>
    </xdr:to>
    <xdr:sp macro="" textlink="">
      <xdr:nvSpPr>
        <xdr:cNvPr id="532" name="フローチャート: 判断 531"/>
        <xdr:cNvSpPr/>
      </xdr:nvSpPr>
      <xdr:spPr>
        <a:xfrm>
          <a:off x="14541500" y="597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89012</xdr:rowOff>
    </xdr:from>
    <xdr:ext cx="534377" cy="259045"/>
    <xdr:sp macro="" textlink="">
      <xdr:nvSpPr>
        <xdr:cNvPr id="533" name="テキスト ボックス 532"/>
        <xdr:cNvSpPr txBox="1"/>
      </xdr:nvSpPr>
      <xdr:spPr>
        <a:xfrm>
          <a:off x="14325111" y="5746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0541</xdr:rowOff>
    </xdr:from>
    <xdr:to>
      <xdr:col>71</xdr:col>
      <xdr:colOff>177800</xdr:colOff>
      <xdr:row>36</xdr:row>
      <xdr:rowOff>31305</xdr:rowOff>
    </xdr:to>
    <xdr:cxnSp macro="">
      <xdr:nvCxnSpPr>
        <xdr:cNvPr id="534" name="直線コネクタ 533"/>
        <xdr:cNvCxnSpPr/>
      </xdr:nvCxnSpPr>
      <xdr:spPr>
        <a:xfrm flipV="1">
          <a:off x="12814300" y="6011291"/>
          <a:ext cx="889000" cy="192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2338</xdr:rowOff>
    </xdr:from>
    <xdr:to>
      <xdr:col>72</xdr:col>
      <xdr:colOff>38100</xdr:colOff>
      <xdr:row>35</xdr:row>
      <xdr:rowOff>92488</xdr:rowOff>
    </xdr:to>
    <xdr:sp macro="" textlink="">
      <xdr:nvSpPr>
        <xdr:cNvPr id="535" name="フローチャート: 判断 534"/>
        <xdr:cNvSpPr/>
      </xdr:nvSpPr>
      <xdr:spPr>
        <a:xfrm>
          <a:off x="13652500" y="599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83615</xdr:rowOff>
    </xdr:from>
    <xdr:ext cx="534377" cy="259045"/>
    <xdr:sp macro="" textlink="">
      <xdr:nvSpPr>
        <xdr:cNvPr id="536" name="テキスト ボックス 535"/>
        <xdr:cNvSpPr txBox="1"/>
      </xdr:nvSpPr>
      <xdr:spPr>
        <a:xfrm>
          <a:off x="13436111" y="6084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2132</xdr:rowOff>
    </xdr:from>
    <xdr:to>
      <xdr:col>67</xdr:col>
      <xdr:colOff>101600</xdr:colOff>
      <xdr:row>35</xdr:row>
      <xdr:rowOff>143732</xdr:rowOff>
    </xdr:to>
    <xdr:sp macro="" textlink="">
      <xdr:nvSpPr>
        <xdr:cNvPr id="537" name="フローチャート: 判断 536"/>
        <xdr:cNvSpPr/>
      </xdr:nvSpPr>
      <xdr:spPr>
        <a:xfrm>
          <a:off x="12763500" y="604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60259</xdr:rowOff>
    </xdr:from>
    <xdr:ext cx="534377" cy="259045"/>
    <xdr:sp macro="" textlink="">
      <xdr:nvSpPr>
        <xdr:cNvPr id="538" name="テキスト ボックス 537"/>
        <xdr:cNvSpPr txBox="1"/>
      </xdr:nvSpPr>
      <xdr:spPr>
        <a:xfrm>
          <a:off x="12547111" y="5818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70434</xdr:rowOff>
    </xdr:from>
    <xdr:to>
      <xdr:col>85</xdr:col>
      <xdr:colOff>177800</xdr:colOff>
      <xdr:row>36</xdr:row>
      <xdr:rowOff>100584</xdr:rowOff>
    </xdr:to>
    <xdr:sp macro="" textlink="">
      <xdr:nvSpPr>
        <xdr:cNvPr id="544" name="楕円 543"/>
        <xdr:cNvSpPr/>
      </xdr:nvSpPr>
      <xdr:spPr>
        <a:xfrm>
          <a:off x="16268700" y="6171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48861</xdr:rowOff>
    </xdr:from>
    <xdr:ext cx="534377" cy="259045"/>
    <xdr:sp macro="" textlink="">
      <xdr:nvSpPr>
        <xdr:cNvPr id="545" name="消防費該当値テキスト"/>
        <xdr:cNvSpPr txBox="1"/>
      </xdr:nvSpPr>
      <xdr:spPr>
        <a:xfrm>
          <a:off x="16370300" y="614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82709</xdr:rowOff>
    </xdr:from>
    <xdr:to>
      <xdr:col>81</xdr:col>
      <xdr:colOff>101600</xdr:colOff>
      <xdr:row>36</xdr:row>
      <xdr:rowOff>12859</xdr:rowOff>
    </xdr:to>
    <xdr:sp macro="" textlink="">
      <xdr:nvSpPr>
        <xdr:cNvPr id="546" name="楕円 545"/>
        <xdr:cNvSpPr/>
      </xdr:nvSpPr>
      <xdr:spPr>
        <a:xfrm>
          <a:off x="15430500" y="6083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3986</xdr:rowOff>
    </xdr:from>
    <xdr:ext cx="534377" cy="259045"/>
    <xdr:sp macro="" textlink="">
      <xdr:nvSpPr>
        <xdr:cNvPr id="547" name="テキスト ボックス 546"/>
        <xdr:cNvSpPr txBox="1"/>
      </xdr:nvSpPr>
      <xdr:spPr>
        <a:xfrm>
          <a:off x="15214111" y="6176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40811</xdr:rowOff>
    </xdr:from>
    <xdr:to>
      <xdr:col>76</xdr:col>
      <xdr:colOff>165100</xdr:colOff>
      <xdr:row>36</xdr:row>
      <xdr:rowOff>70961</xdr:rowOff>
    </xdr:to>
    <xdr:sp macro="" textlink="">
      <xdr:nvSpPr>
        <xdr:cNvPr id="548" name="楕円 547"/>
        <xdr:cNvSpPr/>
      </xdr:nvSpPr>
      <xdr:spPr>
        <a:xfrm>
          <a:off x="14541500" y="6141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62088</xdr:rowOff>
    </xdr:from>
    <xdr:ext cx="534377" cy="259045"/>
    <xdr:sp macro="" textlink="">
      <xdr:nvSpPr>
        <xdr:cNvPr id="549" name="テキスト ボックス 548"/>
        <xdr:cNvSpPr txBox="1"/>
      </xdr:nvSpPr>
      <xdr:spPr>
        <a:xfrm>
          <a:off x="14325111" y="6234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131191</xdr:rowOff>
    </xdr:from>
    <xdr:to>
      <xdr:col>72</xdr:col>
      <xdr:colOff>38100</xdr:colOff>
      <xdr:row>35</xdr:row>
      <xdr:rowOff>61341</xdr:rowOff>
    </xdr:to>
    <xdr:sp macro="" textlink="">
      <xdr:nvSpPr>
        <xdr:cNvPr id="550" name="楕円 549"/>
        <xdr:cNvSpPr/>
      </xdr:nvSpPr>
      <xdr:spPr>
        <a:xfrm>
          <a:off x="13652500" y="5960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77868</xdr:rowOff>
    </xdr:from>
    <xdr:ext cx="534377" cy="259045"/>
    <xdr:sp macro="" textlink="">
      <xdr:nvSpPr>
        <xdr:cNvPr id="551" name="テキスト ボックス 550"/>
        <xdr:cNvSpPr txBox="1"/>
      </xdr:nvSpPr>
      <xdr:spPr>
        <a:xfrm>
          <a:off x="13436111" y="5735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51955</xdr:rowOff>
    </xdr:from>
    <xdr:to>
      <xdr:col>67</xdr:col>
      <xdr:colOff>101600</xdr:colOff>
      <xdr:row>36</xdr:row>
      <xdr:rowOff>82105</xdr:rowOff>
    </xdr:to>
    <xdr:sp macro="" textlink="">
      <xdr:nvSpPr>
        <xdr:cNvPr id="552" name="楕円 551"/>
        <xdr:cNvSpPr/>
      </xdr:nvSpPr>
      <xdr:spPr>
        <a:xfrm>
          <a:off x="12763500" y="6152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73232</xdr:rowOff>
    </xdr:from>
    <xdr:ext cx="534377" cy="259045"/>
    <xdr:sp macro="" textlink="">
      <xdr:nvSpPr>
        <xdr:cNvPr id="553" name="テキスト ボックス 552"/>
        <xdr:cNvSpPr txBox="1"/>
      </xdr:nvSpPr>
      <xdr:spPr>
        <a:xfrm>
          <a:off x="12547111" y="6245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5" name="直線コネクタ 564"/>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6" name="テキスト ボックス 565"/>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7" name="直線コネクタ 566"/>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8" name="テキスト ボックス 567"/>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9" name="直線コネクタ 568"/>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0" name="テキスト ボックス 569"/>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1" name="直線コネクタ 570"/>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2" name="テキスト ボックス 571"/>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5235</xdr:rowOff>
    </xdr:from>
    <xdr:to>
      <xdr:col>85</xdr:col>
      <xdr:colOff>126364</xdr:colOff>
      <xdr:row>57</xdr:row>
      <xdr:rowOff>152593</xdr:rowOff>
    </xdr:to>
    <xdr:cxnSp macro="">
      <xdr:nvCxnSpPr>
        <xdr:cNvPr id="576" name="直線コネクタ 575"/>
        <xdr:cNvCxnSpPr/>
      </xdr:nvCxnSpPr>
      <xdr:spPr>
        <a:xfrm flipV="1">
          <a:off x="16317595" y="8737735"/>
          <a:ext cx="1269" cy="1187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56420</xdr:rowOff>
    </xdr:from>
    <xdr:ext cx="534377" cy="259045"/>
    <xdr:sp macro="" textlink="">
      <xdr:nvSpPr>
        <xdr:cNvPr id="577" name="教育費最小値テキスト"/>
        <xdr:cNvSpPr txBox="1"/>
      </xdr:nvSpPr>
      <xdr:spPr>
        <a:xfrm>
          <a:off x="16370300" y="992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593</xdr:rowOff>
    </xdr:from>
    <xdr:to>
      <xdr:col>86</xdr:col>
      <xdr:colOff>25400</xdr:colOff>
      <xdr:row>57</xdr:row>
      <xdr:rowOff>152593</xdr:rowOff>
    </xdr:to>
    <xdr:cxnSp macro="">
      <xdr:nvCxnSpPr>
        <xdr:cNvPr id="578" name="直線コネクタ 577"/>
        <xdr:cNvCxnSpPr/>
      </xdr:nvCxnSpPr>
      <xdr:spPr>
        <a:xfrm>
          <a:off x="16230600" y="9925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1912</xdr:rowOff>
    </xdr:from>
    <xdr:ext cx="534377" cy="259045"/>
    <xdr:sp macro="" textlink="">
      <xdr:nvSpPr>
        <xdr:cNvPr id="579" name="教育費最大値テキスト"/>
        <xdr:cNvSpPr txBox="1"/>
      </xdr:nvSpPr>
      <xdr:spPr>
        <a:xfrm>
          <a:off x="16370300" y="8512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8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5235</xdr:rowOff>
    </xdr:from>
    <xdr:to>
      <xdr:col>86</xdr:col>
      <xdr:colOff>25400</xdr:colOff>
      <xdr:row>50</xdr:row>
      <xdr:rowOff>165235</xdr:rowOff>
    </xdr:to>
    <xdr:cxnSp macro="">
      <xdr:nvCxnSpPr>
        <xdr:cNvPr id="580" name="直線コネクタ 579"/>
        <xdr:cNvCxnSpPr/>
      </xdr:nvCxnSpPr>
      <xdr:spPr>
        <a:xfrm>
          <a:off x="16230600" y="8737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48387</xdr:rowOff>
    </xdr:from>
    <xdr:to>
      <xdr:col>85</xdr:col>
      <xdr:colOff>127000</xdr:colOff>
      <xdr:row>54</xdr:row>
      <xdr:rowOff>168207</xdr:rowOff>
    </xdr:to>
    <xdr:cxnSp macro="">
      <xdr:nvCxnSpPr>
        <xdr:cNvPr id="581" name="直線コネクタ 580"/>
        <xdr:cNvCxnSpPr/>
      </xdr:nvCxnSpPr>
      <xdr:spPr>
        <a:xfrm flipV="1">
          <a:off x="15481300" y="9406687"/>
          <a:ext cx="838200" cy="19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48709</xdr:rowOff>
    </xdr:from>
    <xdr:ext cx="534377" cy="259045"/>
    <xdr:sp macro="" textlink="">
      <xdr:nvSpPr>
        <xdr:cNvPr id="582" name="教育費平均値テキスト"/>
        <xdr:cNvSpPr txBox="1"/>
      </xdr:nvSpPr>
      <xdr:spPr>
        <a:xfrm>
          <a:off x="16370300" y="94070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70282</xdr:rowOff>
    </xdr:from>
    <xdr:to>
      <xdr:col>85</xdr:col>
      <xdr:colOff>177800</xdr:colOff>
      <xdr:row>55</xdr:row>
      <xdr:rowOff>100432</xdr:rowOff>
    </xdr:to>
    <xdr:sp macro="" textlink="">
      <xdr:nvSpPr>
        <xdr:cNvPr id="583" name="フローチャート: 判断 582"/>
        <xdr:cNvSpPr/>
      </xdr:nvSpPr>
      <xdr:spPr>
        <a:xfrm>
          <a:off x="16268700" y="9428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68207</xdr:rowOff>
    </xdr:from>
    <xdr:to>
      <xdr:col>81</xdr:col>
      <xdr:colOff>50800</xdr:colOff>
      <xdr:row>55</xdr:row>
      <xdr:rowOff>84813</xdr:rowOff>
    </xdr:to>
    <xdr:cxnSp macro="">
      <xdr:nvCxnSpPr>
        <xdr:cNvPr id="584" name="直線コネクタ 583"/>
        <xdr:cNvCxnSpPr/>
      </xdr:nvCxnSpPr>
      <xdr:spPr>
        <a:xfrm flipV="1">
          <a:off x="14592300" y="9426507"/>
          <a:ext cx="889000" cy="88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29235</xdr:rowOff>
    </xdr:from>
    <xdr:to>
      <xdr:col>81</xdr:col>
      <xdr:colOff>101600</xdr:colOff>
      <xdr:row>55</xdr:row>
      <xdr:rowOff>130835</xdr:rowOff>
    </xdr:to>
    <xdr:sp macro="" textlink="">
      <xdr:nvSpPr>
        <xdr:cNvPr id="585" name="フローチャート: 判断 584"/>
        <xdr:cNvSpPr/>
      </xdr:nvSpPr>
      <xdr:spPr>
        <a:xfrm>
          <a:off x="15430500" y="945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21962</xdr:rowOff>
    </xdr:from>
    <xdr:ext cx="534377" cy="259045"/>
    <xdr:sp macro="" textlink="">
      <xdr:nvSpPr>
        <xdr:cNvPr id="586" name="テキスト ボックス 585"/>
        <xdr:cNvSpPr txBox="1"/>
      </xdr:nvSpPr>
      <xdr:spPr>
        <a:xfrm>
          <a:off x="15214111" y="9551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2</xdr:row>
      <xdr:rowOff>143449</xdr:rowOff>
    </xdr:from>
    <xdr:to>
      <xdr:col>76</xdr:col>
      <xdr:colOff>114300</xdr:colOff>
      <xdr:row>55</xdr:row>
      <xdr:rowOff>84813</xdr:rowOff>
    </xdr:to>
    <xdr:cxnSp macro="">
      <xdr:nvCxnSpPr>
        <xdr:cNvPr id="587" name="直線コネクタ 586"/>
        <xdr:cNvCxnSpPr/>
      </xdr:nvCxnSpPr>
      <xdr:spPr>
        <a:xfrm>
          <a:off x="13703300" y="9058849"/>
          <a:ext cx="889000" cy="45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62177</xdr:rowOff>
    </xdr:from>
    <xdr:to>
      <xdr:col>76</xdr:col>
      <xdr:colOff>165100</xdr:colOff>
      <xdr:row>54</xdr:row>
      <xdr:rowOff>163777</xdr:rowOff>
    </xdr:to>
    <xdr:sp macro="" textlink="">
      <xdr:nvSpPr>
        <xdr:cNvPr id="588" name="フローチャート: 判断 587"/>
        <xdr:cNvSpPr/>
      </xdr:nvSpPr>
      <xdr:spPr>
        <a:xfrm>
          <a:off x="14541500" y="93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8854</xdr:rowOff>
    </xdr:from>
    <xdr:ext cx="534377" cy="259045"/>
    <xdr:sp macro="" textlink="">
      <xdr:nvSpPr>
        <xdr:cNvPr id="589" name="テキスト ボックス 588"/>
        <xdr:cNvSpPr txBox="1"/>
      </xdr:nvSpPr>
      <xdr:spPr>
        <a:xfrm>
          <a:off x="14325111" y="9095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2</xdr:row>
      <xdr:rowOff>143449</xdr:rowOff>
    </xdr:from>
    <xdr:to>
      <xdr:col>71</xdr:col>
      <xdr:colOff>177800</xdr:colOff>
      <xdr:row>53</xdr:row>
      <xdr:rowOff>105981</xdr:rowOff>
    </xdr:to>
    <xdr:cxnSp macro="">
      <xdr:nvCxnSpPr>
        <xdr:cNvPr id="590" name="直線コネクタ 589"/>
        <xdr:cNvCxnSpPr/>
      </xdr:nvCxnSpPr>
      <xdr:spPr>
        <a:xfrm flipV="1">
          <a:off x="12814300" y="9058849"/>
          <a:ext cx="889000" cy="133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1374</xdr:rowOff>
    </xdr:from>
    <xdr:to>
      <xdr:col>72</xdr:col>
      <xdr:colOff>38100</xdr:colOff>
      <xdr:row>55</xdr:row>
      <xdr:rowOff>142974</xdr:rowOff>
    </xdr:to>
    <xdr:sp macro="" textlink="">
      <xdr:nvSpPr>
        <xdr:cNvPr id="591" name="フローチャート: 判断 590"/>
        <xdr:cNvSpPr/>
      </xdr:nvSpPr>
      <xdr:spPr>
        <a:xfrm>
          <a:off x="13652500" y="947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34101</xdr:rowOff>
    </xdr:from>
    <xdr:ext cx="534377" cy="259045"/>
    <xdr:sp macro="" textlink="">
      <xdr:nvSpPr>
        <xdr:cNvPr id="592" name="テキスト ボックス 591"/>
        <xdr:cNvSpPr txBox="1"/>
      </xdr:nvSpPr>
      <xdr:spPr>
        <a:xfrm>
          <a:off x="13436111" y="956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2314</xdr:rowOff>
    </xdr:from>
    <xdr:to>
      <xdr:col>67</xdr:col>
      <xdr:colOff>101600</xdr:colOff>
      <xdr:row>56</xdr:row>
      <xdr:rowOff>82464</xdr:rowOff>
    </xdr:to>
    <xdr:sp macro="" textlink="">
      <xdr:nvSpPr>
        <xdr:cNvPr id="593" name="フローチャート: 判断 592"/>
        <xdr:cNvSpPr/>
      </xdr:nvSpPr>
      <xdr:spPr>
        <a:xfrm>
          <a:off x="12763500" y="958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73591</xdr:rowOff>
    </xdr:from>
    <xdr:ext cx="534377" cy="259045"/>
    <xdr:sp macro="" textlink="">
      <xdr:nvSpPr>
        <xdr:cNvPr id="594" name="テキスト ボックス 593"/>
        <xdr:cNvSpPr txBox="1"/>
      </xdr:nvSpPr>
      <xdr:spPr>
        <a:xfrm>
          <a:off x="12547111" y="9674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97587</xdr:rowOff>
    </xdr:from>
    <xdr:to>
      <xdr:col>85</xdr:col>
      <xdr:colOff>177800</xdr:colOff>
      <xdr:row>55</xdr:row>
      <xdr:rowOff>27737</xdr:rowOff>
    </xdr:to>
    <xdr:sp macro="" textlink="">
      <xdr:nvSpPr>
        <xdr:cNvPr id="600" name="楕円 599"/>
        <xdr:cNvSpPr/>
      </xdr:nvSpPr>
      <xdr:spPr>
        <a:xfrm>
          <a:off x="16268700" y="9355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0464</xdr:rowOff>
    </xdr:from>
    <xdr:ext cx="534377" cy="259045"/>
    <xdr:sp macro="" textlink="">
      <xdr:nvSpPr>
        <xdr:cNvPr id="601" name="教育費該当値テキスト"/>
        <xdr:cNvSpPr txBox="1"/>
      </xdr:nvSpPr>
      <xdr:spPr>
        <a:xfrm>
          <a:off x="16370300" y="9207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117407</xdr:rowOff>
    </xdr:from>
    <xdr:to>
      <xdr:col>81</xdr:col>
      <xdr:colOff>101600</xdr:colOff>
      <xdr:row>55</xdr:row>
      <xdr:rowOff>47557</xdr:rowOff>
    </xdr:to>
    <xdr:sp macro="" textlink="">
      <xdr:nvSpPr>
        <xdr:cNvPr id="602" name="楕円 601"/>
        <xdr:cNvSpPr/>
      </xdr:nvSpPr>
      <xdr:spPr>
        <a:xfrm>
          <a:off x="15430500" y="9375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64084</xdr:rowOff>
    </xdr:from>
    <xdr:ext cx="534377" cy="259045"/>
    <xdr:sp macro="" textlink="">
      <xdr:nvSpPr>
        <xdr:cNvPr id="603" name="テキスト ボックス 602"/>
        <xdr:cNvSpPr txBox="1"/>
      </xdr:nvSpPr>
      <xdr:spPr>
        <a:xfrm>
          <a:off x="15214111" y="9150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34013</xdr:rowOff>
    </xdr:from>
    <xdr:to>
      <xdr:col>76</xdr:col>
      <xdr:colOff>165100</xdr:colOff>
      <xdr:row>55</xdr:row>
      <xdr:rowOff>135613</xdr:rowOff>
    </xdr:to>
    <xdr:sp macro="" textlink="">
      <xdr:nvSpPr>
        <xdr:cNvPr id="604" name="楕円 603"/>
        <xdr:cNvSpPr/>
      </xdr:nvSpPr>
      <xdr:spPr>
        <a:xfrm>
          <a:off x="14541500" y="9463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26740</xdr:rowOff>
    </xdr:from>
    <xdr:ext cx="534377" cy="259045"/>
    <xdr:sp macro="" textlink="">
      <xdr:nvSpPr>
        <xdr:cNvPr id="605" name="テキスト ボックス 604"/>
        <xdr:cNvSpPr txBox="1"/>
      </xdr:nvSpPr>
      <xdr:spPr>
        <a:xfrm>
          <a:off x="14325111" y="955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2</xdr:row>
      <xdr:rowOff>92649</xdr:rowOff>
    </xdr:from>
    <xdr:to>
      <xdr:col>72</xdr:col>
      <xdr:colOff>38100</xdr:colOff>
      <xdr:row>53</xdr:row>
      <xdr:rowOff>22799</xdr:rowOff>
    </xdr:to>
    <xdr:sp macro="" textlink="">
      <xdr:nvSpPr>
        <xdr:cNvPr id="606" name="楕円 605"/>
        <xdr:cNvSpPr/>
      </xdr:nvSpPr>
      <xdr:spPr>
        <a:xfrm>
          <a:off x="13652500" y="9008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1</xdr:row>
      <xdr:rowOff>39326</xdr:rowOff>
    </xdr:from>
    <xdr:ext cx="534377" cy="259045"/>
    <xdr:sp macro="" textlink="">
      <xdr:nvSpPr>
        <xdr:cNvPr id="607" name="テキスト ボックス 606"/>
        <xdr:cNvSpPr txBox="1"/>
      </xdr:nvSpPr>
      <xdr:spPr>
        <a:xfrm>
          <a:off x="13436111" y="8783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3</xdr:row>
      <xdr:rowOff>55181</xdr:rowOff>
    </xdr:from>
    <xdr:to>
      <xdr:col>67</xdr:col>
      <xdr:colOff>101600</xdr:colOff>
      <xdr:row>53</xdr:row>
      <xdr:rowOff>156781</xdr:rowOff>
    </xdr:to>
    <xdr:sp macro="" textlink="">
      <xdr:nvSpPr>
        <xdr:cNvPr id="608" name="楕円 607"/>
        <xdr:cNvSpPr/>
      </xdr:nvSpPr>
      <xdr:spPr>
        <a:xfrm>
          <a:off x="12763500" y="9142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2</xdr:row>
      <xdr:rowOff>1858</xdr:rowOff>
    </xdr:from>
    <xdr:ext cx="534377" cy="259045"/>
    <xdr:sp macro="" textlink="">
      <xdr:nvSpPr>
        <xdr:cNvPr id="609" name="テキスト ボックス 608"/>
        <xdr:cNvSpPr txBox="1"/>
      </xdr:nvSpPr>
      <xdr:spPr>
        <a:xfrm>
          <a:off x="12547111" y="8917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3" name="テキスト ボックス 622"/>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5" name="テキスト ボックス 624"/>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7" name="テキスト ボックス 626"/>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9" name="テキスト ボックス 628"/>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1" name="テキスト ボックス 630"/>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8006</xdr:rowOff>
    </xdr:from>
    <xdr:to>
      <xdr:col>85</xdr:col>
      <xdr:colOff>126364</xdr:colOff>
      <xdr:row>79</xdr:row>
      <xdr:rowOff>44450</xdr:rowOff>
    </xdr:to>
    <xdr:cxnSp macro="">
      <xdr:nvCxnSpPr>
        <xdr:cNvPr id="633" name="直線コネクタ 632"/>
        <xdr:cNvCxnSpPr/>
      </xdr:nvCxnSpPr>
      <xdr:spPr>
        <a:xfrm flipV="1">
          <a:off x="16317595" y="12220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4"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5" name="直線コネクタ 634"/>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6133</xdr:rowOff>
    </xdr:from>
    <xdr:ext cx="534377" cy="259045"/>
    <xdr:sp macro="" textlink="">
      <xdr:nvSpPr>
        <xdr:cNvPr id="636" name="災害復旧費最大値テキスト"/>
        <xdr:cNvSpPr txBox="1"/>
      </xdr:nvSpPr>
      <xdr:spPr>
        <a:xfrm>
          <a:off x="16370300" y="1199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8006</xdr:rowOff>
    </xdr:from>
    <xdr:to>
      <xdr:col>86</xdr:col>
      <xdr:colOff>25400</xdr:colOff>
      <xdr:row>71</xdr:row>
      <xdr:rowOff>48006</xdr:rowOff>
    </xdr:to>
    <xdr:cxnSp macro="">
      <xdr:nvCxnSpPr>
        <xdr:cNvPr id="637" name="直線コネクタ 636"/>
        <xdr:cNvCxnSpPr/>
      </xdr:nvCxnSpPr>
      <xdr:spPr>
        <a:xfrm>
          <a:off x="16230600" y="12220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8" name="直線コネクタ 637"/>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8823</xdr:rowOff>
    </xdr:from>
    <xdr:ext cx="378565" cy="259045"/>
    <xdr:sp macro="" textlink="">
      <xdr:nvSpPr>
        <xdr:cNvPr id="639" name="災害復旧費平均値テキスト"/>
        <xdr:cNvSpPr txBox="1"/>
      </xdr:nvSpPr>
      <xdr:spPr>
        <a:xfrm>
          <a:off x="16370300" y="13300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946</xdr:rowOff>
    </xdr:from>
    <xdr:to>
      <xdr:col>85</xdr:col>
      <xdr:colOff>177800</xdr:colOff>
      <xdr:row>79</xdr:row>
      <xdr:rowOff>6096</xdr:rowOff>
    </xdr:to>
    <xdr:sp macro="" textlink="">
      <xdr:nvSpPr>
        <xdr:cNvPr id="640" name="フローチャート: 判断 639"/>
        <xdr:cNvSpPr/>
      </xdr:nvSpPr>
      <xdr:spPr>
        <a:xfrm>
          <a:off x="16268700" y="13449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40336</xdr:rowOff>
    </xdr:from>
    <xdr:to>
      <xdr:col>81</xdr:col>
      <xdr:colOff>50800</xdr:colOff>
      <xdr:row>79</xdr:row>
      <xdr:rowOff>44450</xdr:rowOff>
    </xdr:to>
    <xdr:cxnSp macro="">
      <xdr:nvCxnSpPr>
        <xdr:cNvPr id="641" name="直線コネクタ 640"/>
        <xdr:cNvCxnSpPr/>
      </xdr:nvCxnSpPr>
      <xdr:spPr>
        <a:xfrm>
          <a:off x="14592300" y="13513436"/>
          <a:ext cx="889000" cy="75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75692</xdr:rowOff>
    </xdr:from>
    <xdr:to>
      <xdr:col>81</xdr:col>
      <xdr:colOff>101600</xdr:colOff>
      <xdr:row>79</xdr:row>
      <xdr:rowOff>5842</xdr:rowOff>
    </xdr:to>
    <xdr:sp macro="" textlink="">
      <xdr:nvSpPr>
        <xdr:cNvPr id="642" name="フローチャート: 判断 641"/>
        <xdr:cNvSpPr/>
      </xdr:nvSpPr>
      <xdr:spPr>
        <a:xfrm>
          <a:off x="15430500" y="1344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2369</xdr:rowOff>
    </xdr:from>
    <xdr:ext cx="378565" cy="259045"/>
    <xdr:sp macro="" textlink="">
      <xdr:nvSpPr>
        <xdr:cNvPr id="643" name="テキスト ボックス 642"/>
        <xdr:cNvSpPr txBox="1"/>
      </xdr:nvSpPr>
      <xdr:spPr>
        <a:xfrm>
          <a:off x="15292017" y="13224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40336</xdr:rowOff>
    </xdr:from>
    <xdr:to>
      <xdr:col>76</xdr:col>
      <xdr:colOff>114300</xdr:colOff>
      <xdr:row>78</xdr:row>
      <xdr:rowOff>161671</xdr:rowOff>
    </xdr:to>
    <xdr:cxnSp macro="">
      <xdr:nvCxnSpPr>
        <xdr:cNvPr id="644" name="直線コネクタ 643"/>
        <xdr:cNvCxnSpPr/>
      </xdr:nvCxnSpPr>
      <xdr:spPr>
        <a:xfrm flipV="1">
          <a:off x="13703300" y="13513436"/>
          <a:ext cx="889000" cy="21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3401</xdr:rowOff>
    </xdr:from>
    <xdr:to>
      <xdr:col>76</xdr:col>
      <xdr:colOff>165100</xdr:colOff>
      <xdr:row>78</xdr:row>
      <xdr:rowOff>135001</xdr:rowOff>
    </xdr:to>
    <xdr:sp macro="" textlink="">
      <xdr:nvSpPr>
        <xdr:cNvPr id="645" name="フローチャート: 判断 644"/>
        <xdr:cNvSpPr/>
      </xdr:nvSpPr>
      <xdr:spPr>
        <a:xfrm>
          <a:off x="14541500" y="1340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51528</xdr:rowOff>
    </xdr:from>
    <xdr:ext cx="469744" cy="259045"/>
    <xdr:sp macro="" textlink="">
      <xdr:nvSpPr>
        <xdr:cNvPr id="646" name="テキスト ボックス 645"/>
        <xdr:cNvSpPr txBox="1"/>
      </xdr:nvSpPr>
      <xdr:spPr>
        <a:xfrm>
          <a:off x="14357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25730</xdr:rowOff>
    </xdr:from>
    <xdr:to>
      <xdr:col>71</xdr:col>
      <xdr:colOff>177800</xdr:colOff>
      <xdr:row>78</xdr:row>
      <xdr:rowOff>161671</xdr:rowOff>
    </xdr:to>
    <xdr:cxnSp macro="">
      <xdr:nvCxnSpPr>
        <xdr:cNvPr id="647" name="直線コネクタ 646"/>
        <xdr:cNvCxnSpPr/>
      </xdr:nvCxnSpPr>
      <xdr:spPr>
        <a:xfrm>
          <a:off x="12814300" y="13498830"/>
          <a:ext cx="889000" cy="35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714</xdr:rowOff>
    </xdr:from>
    <xdr:to>
      <xdr:col>72</xdr:col>
      <xdr:colOff>38100</xdr:colOff>
      <xdr:row>78</xdr:row>
      <xdr:rowOff>107314</xdr:rowOff>
    </xdr:to>
    <xdr:sp macro="" textlink="">
      <xdr:nvSpPr>
        <xdr:cNvPr id="648" name="フローチャート: 判断 647"/>
        <xdr:cNvSpPr/>
      </xdr:nvSpPr>
      <xdr:spPr>
        <a:xfrm>
          <a:off x="13652500" y="13378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23841</xdr:rowOff>
    </xdr:from>
    <xdr:ext cx="469744" cy="259045"/>
    <xdr:sp macro="" textlink="">
      <xdr:nvSpPr>
        <xdr:cNvPr id="649" name="テキスト ボックス 648"/>
        <xdr:cNvSpPr txBox="1"/>
      </xdr:nvSpPr>
      <xdr:spPr>
        <a:xfrm>
          <a:off x="13468428" y="13154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7735</xdr:rowOff>
    </xdr:from>
    <xdr:to>
      <xdr:col>67</xdr:col>
      <xdr:colOff>101600</xdr:colOff>
      <xdr:row>78</xdr:row>
      <xdr:rowOff>87885</xdr:rowOff>
    </xdr:to>
    <xdr:sp macro="" textlink="">
      <xdr:nvSpPr>
        <xdr:cNvPr id="650" name="フローチャート: 判断 649"/>
        <xdr:cNvSpPr/>
      </xdr:nvSpPr>
      <xdr:spPr>
        <a:xfrm>
          <a:off x="12763500" y="1335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4412</xdr:rowOff>
    </xdr:from>
    <xdr:ext cx="469744" cy="259045"/>
    <xdr:sp macro="" textlink="">
      <xdr:nvSpPr>
        <xdr:cNvPr id="651" name="テキスト ボックス 650"/>
        <xdr:cNvSpPr txBox="1"/>
      </xdr:nvSpPr>
      <xdr:spPr>
        <a:xfrm>
          <a:off x="12579428" y="13134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7" name="楕円 656"/>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58"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9" name="楕円 658"/>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0" name="テキスト ボックス 659"/>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9536</xdr:rowOff>
    </xdr:from>
    <xdr:to>
      <xdr:col>76</xdr:col>
      <xdr:colOff>165100</xdr:colOff>
      <xdr:row>79</xdr:row>
      <xdr:rowOff>19686</xdr:rowOff>
    </xdr:to>
    <xdr:sp macro="" textlink="">
      <xdr:nvSpPr>
        <xdr:cNvPr id="661" name="楕円 660"/>
        <xdr:cNvSpPr/>
      </xdr:nvSpPr>
      <xdr:spPr>
        <a:xfrm>
          <a:off x="14541500" y="13462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10813</xdr:rowOff>
    </xdr:from>
    <xdr:ext cx="378565" cy="259045"/>
    <xdr:sp macro="" textlink="">
      <xdr:nvSpPr>
        <xdr:cNvPr id="662" name="テキスト ボックス 661"/>
        <xdr:cNvSpPr txBox="1"/>
      </xdr:nvSpPr>
      <xdr:spPr>
        <a:xfrm>
          <a:off x="14403017" y="135553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10871</xdr:rowOff>
    </xdr:from>
    <xdr:to>
      <xdr:col>72</xdr:col>
      <xdr:colOff>38100</xdr:colOff>
      <xdr:row>79</xdr:row>
      <xdr:rowOff>41021</xdr:rowOff>
    </xdr:to>
    <xdr:sp macro="" textlink="">
      <xdr:nvSpPr>
        <xdr:cNvPr id="663" name="楕円 662"/>
        <xdr:cNvSpPr/>
      </xdr:nvSpPr>
      <xdr:spPr>
        <a:xfrm>
          <a:off x="13652500" y="13483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32148</xdr:rowOff>
    </xdr:from>
    <xdr:ext cx="378565" cy="259045"/>
    <xdr:sp macro="" textlink="">
      <xdr:nvSpPr>
        <xdr:cNvPr id="664" name="テキスト ボックス 663"/>
        <xdr:cNvSpPr txBox="1"/>
      </xdr:nvSpPr>
      <xdr:spPr>
        <a:xfrm>
          <a:off x="13514017" y="135766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4930</xdr:rowOff>
    </xdr:from>
    <xdr:to>
      <xdr:col>67</xdr:col>
      <xdr:colOff>101600</xdr:colOff>
      <xdr:row>79</xdr:row>
      <xdr:rowOff>5080</xdr:rowOff>
    </xdr:to>
    <xdr:sp macro="" textlink="">
      <xdr:nvSpPr>
        <xdr:cNvPr id="665" name="楕円 664"/>
        <xdr:cNvSpPr/>
      </xdr:nvSpPr>
      <xdr:spPr>
        <a:xfrm>
          <a:off x="12763500" y="13448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67657</xdr:rowOff>
    </xdr:from>
    <xdr:ext cx="378565" cy="259045"/>
    <xdr:sp macro="" textlink="">
      <xdr:nvSpPr>
        <xdr:cNvPr id="666" name="テキスト ボックス 665"/>
        <xdr:cNvSpPr txBox="1"/>
      </xdr:nvSpPr>
      <xdr:spPr>
        <a:xfrm>
          <a:off x="12625017" y="135407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6505</xdr:rowOff>
    </xdr:from>
    <xdr:to>
      <xdr:col>85</xdr:col>
      <xdr:colOff>126364</xdr:colOff>
      <xdr:row>97</xdr:row>
      <xdr:rowOff>112497</xdr:rowOff>
    </xdr:to>
    <xdr:cxnSp macro="">
      <xdr:nvCxnSpPr>
        <xdr:cNvPr id="690" name="直線コネクタ 689"/>
        <xdr:cNvCxnSpPr/>
      </xdr:nvCxnSpPr>
      <xdr:spPr>
        <a:xfrm flipV="1">
          <a:off x="16317595" y="15457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16324</xdr:rowOff>
    </xdr:from>
    <xdr:ext cx="534377" cy="259045"/>
    <xdr:sp macro="" textlink="">
      <xdr:nvSpPr>
        <xdr:cNvPr id="691" name="公債費最小値テキスト"/>
        <xdr:cNvSpPr txBox="1"/>
      </xdr:nvSpPr>
      <xdr:spPr>
        <a:xfrm>
          <a:off x="16370300" y="16746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12497</xdr:rowOff>
    </xdr:from>
    <xdr:to>
      <xdr:col>86</xdr:col>
      <xdr:colOff>25400</xdr:colOff>
      <xdr:row>97</xdr:row>
      <xdr:rowOff>112497</xdr:rowOff>
    </xdr:to>
    <xdr:cxnSp macro="">
      <xdr:nvCxnSpPr>
        <xdr:cNvPr id="692" name="直線コネクタ 691"/>
        <xdr:cNvCxnSpPr/>
      </xdr:nvCxnSpPr>
      <xdr:spPr>
        <a:xfrm>
          <a:off x="16230600" y="16743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4632</xdr:rowOff>
    </xdr:from>
    <xdr:ext cx="534377" cy="259045"/>
    <xdr:sp macro="" textlink="">
      <xdr:nvSpPr>
        <xdr:cNvPr id="693" name="公債費最大値テキスト"/>
        <xdr:cNvSpPr txBox="1"/>
      </xdr:nvSpPr>
      <xdr:spPr>
        <a:xfrm>
          <a:off x="16370300" y="15232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4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6505</xdr:rowOff>
    </xdr:from>
    <xdr:to>
      <xdr:col>86</xdr:col>
      <xdr:colOff>25400</xdr:colOff>
      <xdr:row>90</xdr:row>
      <xdr:rowOff>26505</xdr:rowOff>
    </xdr:to>
    <xdr:cxnSp macro="">
      <xdr:nvCxnSpPr>
        <xdr:cNvPr id="694" name="直線コネクタ 693"/>
        <xdr:cNvCxnSpPr/>
      </xdr:nvCxnSpPr>
      <xdr:spPr>
        <a:xfrm>
          <a:off x="16230600" y="15457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970</xdr:rowOff>
    </xdr:from>
    <xdr:to>
      <xdr:col>85</xdr:col>
      <xdr:colOff>127000</xdr:colOff>
      <xdr:row>97</xdr:row>
      <xdr:rowOff>59232</xdr:rowOff>
    </xdr:to>
    <xdr:cxnSp macro="">
      <xdr:nvCxnSpPr>
        <xdr:cNvPr id="695" name="直線コネクタ 694"/>
        <xdr:cNvCxnSpPr/>
      </xdr:nvCxnSpPr>
      <xdr:spPr>
        <a:xfrm flipV="1">
          <a:off x="15481300" y="16644620"/>
          <a:ext cx="838200" cy="45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43330</xdr:rowOff>
    </xdr:from>
    <xdr:ext cx="534377" cy="259045"/>
    <xdr:sp macro="" textlink="">
      <xdr:nvSpPr>
        <xdr:cNvPr id="696" name="公債費平均値テキスト"/>
        <xdr:cNvSpPr txBox="1"/>
      </xdr:nvSpPr>
      <xdr:spPr>
        <a:xfrm>
          <a:off x="16370300" y="16159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20453</xdr:rowOff>
    </xdr:from>
    <xdr:to>
      <xdr:col>85</xdr:col>
      <xdr:colOff>177800</xdr:colOff>
      <xdr:row>95</xdr:row>
      <xdr:rowOff>122053</xdr:rowOff>
    </xdr:to>
    <xdr:sp macro="" textlink="">
      <xdr:nvSpPr>
        <xdr:cNvPr id="697" name="フローチャート: 判断 696"/>
        <xdr:cNvSpPr/>
      </xdr:nvSpPr>
      <xdr:spPr>
        <a:xfrm>
          <a:off x="16268700" y="16308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39193</xdr:rowOff>
    </xdr:from>
    <xdr:to>
      <xdr:col>81</xdr:col>
      <xdr:colOff>50800</xdr:colOff>
      <xdr:row>97</xdr:row>
      <xdr:rowOff>59232</xdr:rowOff>
    </xdr:to>
    <xdr:cxnSp macro="">
      <xdr:nvCxnSpPr>
        <xdr:cNvPr id="698" name="直線コネクタ 697"/>
        <xdr:cNvCxnSpPr/>
      </xdr:nvCxnSpPr>
      <xdr:spPr>
        <a:xfrm>
          <a:off x="14592300" y="16669843"/>
          <a:ext cx="889000" cy="20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0798</xdr:rowOff>
    </xdr:from>
    <xdr:to>
      <xdr:col>81</xdr:col>
      <xdr:colOff>101600</xdr:colOff>
      <xdr:row>95</xdr:row>
      <xdr:rowOff>132398</xdr:rowOff>
    </xdr:to>
    <xdr:sp macro="" textlink="">
      <xdr:nvSpPr>
        <xdr:cNvPr id="699" name="フローチャート: 判断 698"/>
        <xdr:cNvSpPr/>
      </xdr:nvSpPr>
      <xdr:spPr>
        <a:xfrm>
          <a:off x="154305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8925</xdr:rowOff>
    </xdr:from>
    <xdr:ext cx="534377" cy="259045"/>
    <xdr:sp macro="" textlink="">
      <xdr:nvSpPr>
        <xdr:cNvPr id="700" name="テキスト ボックス 699"/>
        <xdr:cNvSpPr txBox="1"/>
      </xdr:nvSpPr>
      <xdr:spPr>
        <a:xfrm>
          <a:off x="15214111" y="16093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30296</xdr:rowOff>
    </xdr:from>
    <xdr:to>
      <xdr:col>76</xdr:col>
      <xdr:colOff>114300</xdr:colOff>
      <xdr:row>97</xdr:row>
      <xdr:rowOff>39193</xdr:rowOff>
    </xdr:to>
    <xdr:cxnSp macro="">
      <xdr:nvCxnSpPr>
        <xdr:cNvPr id="701" name="直線コネクタ 700"/>
        <xdr:cNvCxnSpPr/>
      </xdr:nvCxnSpPr>
      <xdr:spPr>
        <a:xfrm>
          <a:off x="13703300" y="16660946"/>
          <a:ext cx="889000" cy="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7221</xdr:rowOff>
    </xdr:from>
    <xdr:to>
      <xdr:col>76</xdr:col>
      <xdr:colOff>165100</xdr:colOff>
      <xdr:row>95</xdr:row>
      <xdr:rowOff>168821</xdr:rowOff>
    </xdr:to>
    <xdr:sp macro="" textlink="">
      <xdr:nvSpPr>
        <xdr:cNvPr id="702" name="フローチャート: 判断 701"/>
        <xdr:cNvSpPr/>
      </xdr:nvSpPr>
      <xdr:spPr>
        <a:xfrm>
          <a:off x="14541500" y="1635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3898</xdr:rowOff>
    </xdr:from>
    <xdr:ext cx="534377" cy="259045"/>
    <xdr:sp macro="" textlink="">
      <xdr:nvSpPr>
        <xdr:cNvPr id="703" name="テキスト ボックス 702"/>
        <xdr:cNvSpPr txBox="1"/>
      </xdr:nvSpPr>
      <xdr:spPr>
        <a:xfrm>
          <a:off x="14325111" y="1613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58541</xdr:rowOff>
    </xdr:from>
    <xdr:to>
      <xdr:col>71</xdr:col>
      <xdr:colOff>177800</xdr:colOff>
      <xdr:row>97</xdr:row>
      <xdr:rowOff>30296</xdr:rowOff>
    </xdr:to>
    <xdr:cxnSp macro="">
      <xdr:nvCxnSpPr>
        <xdr:cNvPr id="704" name="直線コネクタ 703"/>
        <xdr:cNvCxnSpPr/>
      </xdr:nvCxnSpPr>
      <xdr:spPr>
        <a:xfrm>
          <a:off x="12814300" y="16617741"/>
          <a:ext cx="889000" cy="43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4288</xdr:rowOff>
    </xdr:from>
    <xdr:to>
      <xdr:col>72</xdr:col>
      <xdr:colOff>38100</xdr:colOff>
      <xdr:row>96</xdr:row>
      <xdr:rowOff>4438</xdr:rowOff>
    </xdr:to>
    <xdr:sp macro="" textlink="">
      <xdr:nvSpPr>
        <xdr:cNvPr id="705" name="フローチャート: 判断 704"/>
        <xdr:cNvSpPr/>
      </xdr:nvSpPr>
      <xdr:spPr>
        <a:xfrm>
          <a:off x="13652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20965</xdr:rowOff>
    </xdr:from>
    <xdr:ext cx="534377" cy="259045"/>
    <xdr:sp macro="" textlink="">
      <xdr:nvSpPr>
        <xdr:cNvPr id="706" name="テキスト ボックス 705"/>
        <xdr:cNvSpPr txBox="1"/>
      </xdr:nvSpPr>
      <xdr:spPr>
        <a:xfrm>
          <a:off x="13436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55296</xdr:rowOff>
    </xdr:from>
    <xdr:to>
      <xdr:col>67</xdr:col>
      <xdr:colOff>101600</xdr:colOff>
      <xdr:row>95</xdr:row>
      <xdr:rowOff>156896</xdr:rowOff>
    </xdr:to>
    <xdr:sp macro="" textlink="">
      <xdr:nvSpPr>
        <xdr:cNvPr id="707" name="フローチャート: 判断 706"/>
        <xdr:cNvSpPr/>
      </xdr:nvSpPr>
      <xdr:spPr>
        <a:xfrm>
          <a:off x="12763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973</xdr:rowOff>
    </xdr:from>
    <xdr:ext cx="534377" cy="259045"/>
    <xdr:sp macro="" textlink="">
      <xdr:nvSpPr>
        <xdr:cNvPr id="708" name="テキスト ボックス 707"/>
        <xdr:cNvSpPr txBox="1"/>
      </xdr:nvSpPr>
      <xdr:spPr>
        <a:xfrm>
          <a:off x="12547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34620</xdr:rowOff>
    </xdr:from>
    <xdr:to>
      <xdr:col>85</xdr:col>
      <xdr:colOff>177800</xdr:colOff>
      <xdr:row>97</xdr:row>
      <xdr:rowOff>64770</xdr:rowOff>
    </xdr:to>
    <xdr:sp macro="" textlink="">
      <xdr:nvSpPr>
        <xdr:cNvPr id="714" name="楕円 713"/>
        <xdr:cNvSpPr/>
      </xdr:nvSpPr>
      <xdr:spPr>
        <a:xfrm>
          <a:off x="16268700" y="1659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49547</xdr:rowOff>
    </xdr:from>
    <xdr:ext cx="534377" cy="259045"/>
    <xdr:sp macro="" textlink="">
      <xdr:nvSpPr>
        <xdr:cNvPr id="715" name="公債費該当値テキスト"/>
        <xdr:cNvSpPr txBox="1"/>
      </xdr:nvSpPr>
      <xdr:spPr>
        <a:xfrm>
          <a:off x="16370300" y="16508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432</xdr:rowOff>
    </xdr:from>
    <xdr:to>
      <xdr:col>81</xdr:col>
      <xdr:colOff>101600</xdr:colOff>
      <xdr:row>97</xdr:row>
      <xdr:rowOff>110032</xdr:rowOff>
    </xdr:to>
    <xdr:sp macro="" textlink="">
      <xdr:nvSpPr>
        <xdr:cNvPr id="716" name="楕円 715"/>
        <xdr:cNvSpPr/>
      </xdr:nvSpPr>
      <xdr:spPr>
        <a:xfrm>
          <a:off x="15430500" y="16639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01159</xdr:rowOff>
    </xdr:from>
    <xdr:ext cx="534377" cy="259045"/>
    <xdr:sp macro="" textlink="">
      <xdr:nvSpPr>
        <xdr:cNvPr id="717" name="テキスト ボックス 716"/>
        <xdr:cNvSpPr txBox="1"/>
      </xdr:nvSpPr>
      <xdr:spPr>
        <a:xfrm>
          <a:off x="15214111" y="16731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59843</xdr:rowOff>
    </xdr:from>
    <xdr:to>
      <xdr:col>76</xdr:col>
      <xdr:colOff>165100</xdr:colOff>
      <xdr:row>97</xdr:row>
      <xdr:rowOff>89993</xdr:rowOff>
    </xdr:to>
    <xdr:sp macro="" textlink="">
      <xdr:nvSpPr>
        <xdr:cNvPr id="718" name="楕円 717"/>
        <xdr:cNvSpPr/>
      </xdr:nvSpPr>
      <xdr:spPr>
        <a:xfrm>
          <a:off x="14541500" y="1661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81120</xdr:rowOff>
    </xdr:from>
    <xdr:ext cx="534377" cy="259045"/>
    <xdr:sp macro="" textlink="">
      <xdr:nvSpPr>
        <xdr:cNvPr id="719" name="テキスト ボックス 718"/>
        <xdr:cNvSpPr txBox="1"/>
      </xdr:nvSpPr>
      <xdr:spPr>
        <a:xfrm>
          <a:off x="14325111" y="1671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50946</xdr:rowOff>
    </xdr:from>
    <xdr:to>
      <xdr:col>72</xdr:col>
      <xdr:colOff>38100</xdr:colOff>
      <xdr:row>97</xdr:row>
      <xdr:rowOff>81096</xdr:rowOff>
    </xdr:to>
    <xdr:sp macro="" textlink="">
      <xdr:nvSpPr>
        <xdr:cNvPr id="720" name="楕円 719"/>
        <xdr:cNvSpPr/>
      </xdr:nvSpPr>
      <xdr:spPr>
        <a:xfrm>
          <a:off x="13652500" y="16610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72223</xdr:rowOff>
    </xdr:from>
    <xdr:ext cx="534377" cy="259045"/>
    <xdr:sp macro="" textlink="">
      <xdr:nvSpPr>
        <xdr:cNvPr id="721" name="テキスト ボックス 720"/>
        <xdr:cNvSpPr txBox="1"/>
      </xdr:nvSpPr>
      <xdr:spPr>
        <a:xfrm>
          <a:off x="13436111" y="16702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7741</xdr:rowOff>
    </xdr:from>
    <xdr:to>
      <xdr:col>67</xdr:col>
      <xdr:colOff>101600</xdr:colOff>
      <xdr:row>97</xdr:row>
      <xdr:rowOff>37891</xdr:rowOff>
    </xdr:to>
    <xdr:sp macro="" textlink="">
      <xdr:nvSpPr>
        <xdr:cNvPr id="722" name="楕円 721"/>
        <xdr:cNvSpPr/>
      </xdr:nvSpPr>
      <xdr:spPr>
        <a:xfrm>
          <a:off x="12763500" y="16566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29018</xdr:rowOff>
    </xdr:from>
    <xdr:ext cx="534377" cy="259045"/>
    <xdr:sp macro="" textlink="">
      <xdr:nvSpPr>
        <xdr:cNvPr id="723" name="テキスト ボックス 722"/>
        <xdr:cNvSpPr txBox="1"/>
      </xdr:nvSpPr>
      <xdr:spPr>
        <a:xfrm>
          <a:off x="12547111" y="16659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7" name="テキスト ボックス 736"/>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59588</xdr:rowOff>
    </xdr:from>
    <xdr:to>
      <xdr:col>116</xdr:col>
      <xdr:colOff>62864</xdr:colOff>
      <xdr:row>38</xdr:row>
      <xdr:rowOff>139700</xdr:rowOff>
    </xdr:to>
    <xdr:cxnSp macro="">
      <xdr:nvCxnSpPr>
        <xdr:cNvPr id="745" name="直線コネクタ 744"/>
        <xdr:cNvCxnSpPr/>
      </xdr:nvCxnSpPr>
      <xdr:spPr>
        <a:xfrm flipV="1">
          <a:off x="22159595" y="5474538"/>
          <a:ext cx="1269" cy="1180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2950</xdr:rowOff>
    </xdr:from>
    <xdr:ext cx="249299" cy="259045"/>
    <xdr:sp macro="" textlink="">
      <xdr:nvSpPr>
        <xdr:cNvPr id="746" name="諸支出金最小値テキスト"/>
        <xdr:cNvSpPr txBox="1"/>
      </xdr:nvSpPr>
      <xdr:spPr>
        <a:xfrm>
          <a:off x="22212300" y="6668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06265</xdr:rowOff>
    </xdr:from>
    <xdr:ext cx="469744" cy="259045"/>
    <xdr:sp macro="" textlink="">
      <xdr:nvSpPr>
        <xdr:cNvPr id="748" name="諸支出金最大値テキスト"/>
        <xdr:cNvSpPr txBox="1"/>
      </xdr:nvSpPr>
      <xdr:spPr>
        <a:xfrm>
          <a:off x="22212300" y="5249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6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59588</xdr:rowOff>
    </xdr:from>
    <xdr:to>
      <xdr:col>116</xdr:col>
      <xdr:colOff>152400</xdr:colOff>
      <xdr:row>31</xdr:row>
      <xdr:rowOff>159588</xdr:rowOff>
    </xdr:to>
    <xdr:cxnSp macro="">
      <xdr:nvCxnSpPr>
        <xdr:cNvPr id="749" name="直線コネクタ 748"/>
        <xdr:cNvCxnSpPr/>
      </xdr:nvCxnSpPr>
      <xdr:spPr>
        <a:xfrm>
          <a:off x="22072600" y="5474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0400</xdr:rowOff>
    </xdr:from>
    <xdr:ext cx="378565" cy="259045"/>
    <xdr:sp macro="" textlink="">
      <xdr:nvSpPr>
        <xdr:cNvPr id="751" name="諸支出金平均値テキスト"/>
        <xdr:cNvSpPr txBox="1"/>
      </xdr:nvSpPr>
      <xdr:spPr>
        <a:xfrm>
          <a:off x="22212300" y="64140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7523</xdr:rowOff>
    </xdr:from>
    <xdr:to>
      <xdr:col>116</xdr:col>
      <xdr:colOff>114300</xdr:colOff>
      <xdr:row>38</xdr:row>
      <xdr:rowOff>149123</xdr:rowOff>
    </xdr:to>
    <xdr:sp macro="" textlink="">
      <xdr:nvSpPr>
        <xdr:cNvPr id="752" name="フローチャート: 判断 751"/>
        <xdr:cNvSpPr/>
      </xdr:nvSpPr>
      <xdr:spPr>
        <a:xfrm>
          <a:off x="22110700" y="656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4668</xdr:rowOff>
    </xdr:from>
    <xdr:to>
      <xdr:col>112</xdr:col>
      <xdr:colOff>38100</xdr:colOff>
      <xdr:row>38</xdr:row>
      <xdr:rowOff>166268</xdr:rowOff>
    </xdr:to>
    <xdr:sp macro="" textlink="">
      <xdr:nvSpPr>
        <xdr:cNvPr id="754" name="フローチャート: 判断 753"/>
        <xdr:cNvSpPr/>
      </xdr:nvSpPr>
      <xdr:spPr>
        <a:xfrm>
          <a:off x="21272500" y="6579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1346</xdr:rowOff>
    </xdr:from>
    <xdr:ext cx="378565" cy="259045"/>
    <xdr:sp macro="" textlink="">
      <xdr:nvSpPr>
        <xdr:cNvPr id="755" name="テキスト ボックス 754"/>
        <xdr:cNvSpPr txBox="1"/>
      </xdr:nvSpPr>
      <xdr:spPr>
        <a:xfrm>
          <a:off x="21134017" y="6354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4270</xdr:rowOff>
    </xdr:from>
    <xdr:to>
      <xdr:col>107</xdr:col>
      <xdr:colOff>101600</xdr:colOff>
      <xdr:row>39</xdr:row>
      <xdr:rowOff>4420</xdr:rowOff>
    </xdr:to>
    <xdr:sp macro="" textlink="">
      <xdr:nvSpPr>
        <xdr:cNvPr id="757" name="フローチャート: 判断 756"/>
        <xdr:cNvSpPr/>
      </xdr:nvSpPr>
      <xdr:spPr>
        <a:xfrm>
          <a:off x="20383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20946</xdr:rowOff>
    </xdr:from>
    <xdr:ext cx="313932" cy="259045"/>
    <xdr:sp macro="" textlink="">
      <xdr:nvSpPr>
        <xdr:cNvPr id="758" name="テキスト ボックス 757"/>
        <xdr:cNvSpPr txBox="1"/>
      </xdr:nvSpPr>
      <xdr:spPr>
        <a:xfrm>
          <a:off x="20277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042</xdr:rowOff>
    </xdr:from>
    <xdr:to>
      <xdr:col>102</xdr:col>
      <xdr:colOff>165100</xdr:colOff>
      <xdr:row>39</xdr:row>
      <xdr:rowOff>12192</xdr:rowOff>
    </xdr:to>
    <xdr:sp macro="" textlink="">
      <xdr:nvSpPr>
        <xdr:cNvPr id="760" name="フローチャート: 判断 759"/>
        <xdr:cNvSpPr/>
      </xdr:nvSpPr>
      <xdr:spPr>
        <a:xfrm>
          <a:off x="19494500" y="6597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8719</xdr:rowOff>
    </xdr:from>
    <xdr:ext cx="313932" cy="259045"/>
    <xdr:sp macro="" textlink="">
      <xdr:nvSpPr>
        <xdr:cNvPr id="761" name="テキスト ボックス 760"/>
        <xdr:cNvSpPr txBox="1"/>
      </xdr:nvSpPr>
      <xdr:spPr>
        <a:xfrm>
          <a:off x="19388333" y="637236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270</xdr:rowOff>
    </xdr:from>
    <xdr:to>
      <xdr:col>98</xdr:col>
      <xdr:colOff>38100</xdr:colOff>
      <xdr:row>39</xdr:row>
      <xdr:rowOff>4420</xdr:rowOff>
    </xdr:to>
    <xdr:sp macro="" textlink="">
      <xdr:nvSpPr>
        <xdr:cNvPr id="762" name="フローチャート: 判断 761"/>
        <xdr:cNvSpPr/>
      </xdr:nvSpPr>
      <xdr:spPr>
        <a:xfrm>
          <a:off x="18605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20946</xdr:rowOff>
    </xdr:from>
    <xdr:ext cx="313932" cy="259045"/>
    <xdr:sp macro="" textlink="">
      <xdr:nvSpPr>
        <xdr:cNvPr id="763" name="テキスト ボックス 762"/>
        <xdr:cNvSpPr txBox="1"/>
      </xdr:nvSpPr>
      <xdr:spPr>
        <a:xfrm>
          <a:off x="18499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5950</xdr:rowOff>
    </xdr:from>
    <xdr:ext cx="249299" cy="259045"/>
    <xdr:sp macro="" textlink="">
      <xdr:nvSpPr>
        <xdr:cNvPr id="770" name="諸支出金該当値テキスト"/>
        <xdr:cNvSpPr txBox="1"/>
      </xdr:nvSpPr>
      <xdr:spPr>
        <a:xfrm>
          <a:off x="22212300" y="6541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歳出決算総額は、住民一人当た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34,358</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っている。類似団体平均を上回っているのは、議会費、民生費、衛生費、労働費、教育費である。特に民生費については、歳出決算額構成比においても高く、住民一人当たり歳出決算総額を押し上げる要因となっている。民生費については、子育て世帯や非課税世帯への臨時特別給付金や子育て世帯生活支援特別給付金などの減により、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28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減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16,70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ったものの、依然として類似団体に比べて高い水準にある。今後も、老人福祉費や児童福祉費をはじめとする民生費については事業費の増が見込まれるため、注視する必要がある。</a:t>
          </a:r>
          <a:endParaRPr kumimoji="1" lang="ja-JP" altLang="en-US" sz="13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昭島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令和４年度の状況</a:t>
          </a:r>
          <a:r>
            <a:rPr kumimoji="1" lang="en-US" altLang="ja-JP"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標準財政規模比の実質収支額は前年度比で</a:t>
          </a:r>
          <a:r>
            <a:rPr kumimoji="1" lang="en-US" altLang="ja-JP"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3.74</a:t>
          </a:r>
          <a:r>
            <a:rPr kumimoji="1" lang="ja-JP" altLang="en-US"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ポイント減少したものの、継続的に実質収支は黒字を確保している。なお、実質収支額には翌年度に国や都などに返還する多額の返還金が含まれている。</a:t>
          </a:r>
          <a:endParaRPr kumimoji="1" lang="en-US" altLang="ja-JP"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今後の対応</a:t>
          </a:r>
          <a:r>
            <a:rPr kumimoji="1" lang="en-US" altLang="ja-JP"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実質収支額については返還金の返還後の金額に配意しながら、財源の確保と効率的・効果的な財政運営に努める。 </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昭島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令和４年度の状況</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令和４年度も引き続き全会計で黒字となり、連結実質赤字額はなく比率は生じていない。なお、連結実質黒字額により連結実質黒字比率を算定すると、対前年度比</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1.40</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ポイント減の</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2.47</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となる。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実質黒字額については、一般会計・国民健康保険特別会計・後期高齢者医療特別会計・中神土地区画整理事業特別会計で減となり、介護保険特別会計・水道事業会計・下水道事業会計で増となった。 </a:t>
          </a:r>
          <a:endPar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今後の対応</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　国民健康保険特別会計においては、多額の赤字補塡の繰入金により黒字となっている状況である。今後も適正な保険税率の設定に取り組むとともに徴収率向上などの歳入確保策を推進し、財政基盤の強化に努め、繰入金を抑制する必要がある。また、他の各会計においても引き続き適正な財政運営、企業経営に努め、昭島市全体の視点からもより一層の財政健全化を図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1</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2</v>
      </c>
      <c r="C2" s="182"/>
      <c r="D2" s="183"/>
    </row>
    <row r="3" spans="1:119" ht="18.75" customHeight="1" thickBot="1" x14ac:dyDescent="0.25">
      <c r="A3" s="181"/>
      <c r="B3" s="592" t="s">
        <v>83</v>
      </c>
      <c r="C3" s="593"/>
      <c r="D3" s="593"/>
      <c r="E3" s="594"/>
      <c r="F3" s="594"/>
      <c r="G3" s="594"/>
      <c r="H3" s="594"/>
      <c r="I3" s="594"/>
      <c r="J3" s="594"/>
      <c r="K3" s="594"/>
      <c r="L3" s="594" t="s">
        <v>84</v>
      </c>
      <c r="M3" s="594"/>
      <c r="N3" s="594"/>
      <c r="O3" s="594"/>
      <c r="P3" s="594"/>
      <c r="Q3" s="594"/>
      <c r="R3" s="597"/>
      <c r="S3" s="597"/>
      <c r="T3" s="597"/>
      <c r="U3" s="597"/>
      <c r="V3" s="598"/>
      <c r="W3" s="488" t="s">
        <v>85</v>
      </c>
      <c r="X3" s="489"/>
      <c r="Y3" s="489"/>
      <c r="Z3" s="489"/>
      <c r="AA3" s="489"/>
      <c r="AB3" s="593"/>
      <c r="AC3" s="597" t="s">
        <v>86</v>
      </c>
      <c r="AD3" s="489"/>
      <c r="AE3" s="489"/>
      <c r="AF3" s="489"/>
      <c r="AG3" s="489"/>
      <c r="AH3" s="489"/>
      <c r="AI3" s="489"/>
      <c r="AJ3" s="489"/>
      <c r="AK3" s="489"/>
      <c r="AL3" s="559"/>
      <c r="AM3" s="488" t="s">
        <v>87</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8</v>
      </c>
      <c r="BO3" s="489"/>
      <c r="BP3" s="489"/>
      <c r="BQ3" s="489"/>
      <c r="BR3" s="489"/>
      <c r="BS3" s="489"/>
      <c r="BT3" s="489"/>
      <c r="BU3" s="559"/>
      <c r="BV3" s="488" t="s">
        <v>89</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0</v>
      </c>
      <c r="CU3" s="489"/>
      <c r="CV3" s="489"/>
      <c r="CW3" s="489"/>
      <c r="CX3" s="489"/>
      <c r="CY3" s="489"/>
      <c r="CZ3" s="489"/>
      <c r="DA3" s="559"/>
      <c r="DB3" s="488" t="s">
        <v>91</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2</v>
      </c>
      <c r="AZ4" s="446"/>
      <c r="BA4" s="446"/>
      <c r="BB4" s="446"/>
      <c r="BC4" s="446"/>
      <c r="BD4" s="446"/>
      <c r="BE4" s="446"/>
      <c r="BF4" s="446"/>
      <c r="BG4" s="446"/>
      <c r="BH4" s="446"/>
      <c r="BI4" s="446"/>
      <c r="BJ4" s="446"/>
      <c r="BK4" s="446"/>
      <c r="BL4" s="446"/>
      <c r="BM4" s="447"/>
      <c r="BN4" s="448">
        <v>52147529</v>
      </c>
      <c r="BO4" s="449"/>
      <c r="BP4" s="449"/>
      <c r="BQ4" s="449"/>
      <c r="BR4" s="449"/>
      <c r="BS4" s="449"/>
      <c r="BT4" s="449"/>
      <c r="BU4" s="450"/>
      <c r="BV4" s="448">
        <v>52893142</v>
      </c>
      <c r="BW4" s="449"/>
      <c r="BX4" s="449"/>
      <c r="BY4" s="449"/>
      <c r="BZ4" s="449"/>
      <c r="CA4" s="449"/>
      <c r="CB4" s="449"/>
      <c r="CC4" s="450"/>
      <c r="CD4" s="585" t="s">
        <v>93</v>
      </c>
      <c r="CE4" s="586"/>
      <c r="CF4" s="586"/>
      <c r="CG4" s="586"/>
      <c r="CH4" s="586"/>
      <c r="CI4" s="586"/>
      <c r="CJ4" s="586"/>
      <c r="CK4" s="586"/>
      <c r="CL4" s="586"/>
      <c r="CM4" s="586"/>
      <c r="CN4" s="586"/>
      <c r="CO4" s="586"/>
      <c r="CP4" s="586"/>
      <c r="CQ4" s="586"/>
      <c r="CR4" s="586"/>
      <c r="CS4" s="587"/>
      <c r="CT4" s="588">
        <v>10.3</v>
      </c>
      <c r="CU4" s="589"/>
      <c r="CV4" s="589"/>
      <c r="CW4" s="589"/>
      <c r="CX4" s="589"/>
      <c r="CY4" s="589"/>
      <c r="CZ4" s="589"/>
      <c r="DA4" s="590"/>
      <c r="DB4" s="588">
        <v>14.1</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4</v>
      </c>
      <c r="AN5" s="376"/>
      <c r="AO5" s="376"/>
      <c r="AP5" s="376"/>
      <c r="AQ5" s="376"/>
      <c r="AR5" s="376"/>
      <c r="AS5" s="376"/>
      <c r="AT5" s="377"/>
      <c r="AU5" s="477" t="s">
        <v>95</v>
      </c>
      <c r="AV5" s="478"/>
      <c r="AW5" s="478"/>
      <c r="AX5" s="478"/>
      <c r="AY5" s="433" t="s">
        <v>96</v>
      </c>
      <c r="AZ5" s="434"/>
      <c r="BA5" s="434"/>
      <c r="BB5" s="434"/>
      <c r="BC5" s="434"/>
      <c r="BD5" s="434"/>
      <c r="BE5" s="434"/>
      <c r="BF5" s="434"/>
      <c r="BG5" s="434"/>
      <c r="BH5" s="434"/>
      <c r="BI5" s="434"/>
      <c r="BJ5" s="434"/>
      <c r="BK5" s="434"/>
      <c r="BL5" s="434"/>
      <c r="BM5" s="435"/>
      <c r="BN5" s="419">
        <v>49629263</v>
      </c>
      <c r="BO5" s="420"/>
      <c r="BP5" s="420"/>
      <c r="BQ5" s="420"/>
      <c r="BR5" s="420"/>
      <c r="BS5" s="420"/>
      <c r="BT5" s="420"/>
      <c r="BU5" s="421"/>
      <c r="BV5" s="419">
        <v>49581461</v>
      </c>
      <c r="BW5" s="420"/>
      <c r="BX5" s="420"/>
      <c r="BY5" s="420"/>
      <c r="BZ5" s="420"/>
      <c r="CA5" s="420"/>
      <c r="CB5" s="420"/>
      <c r="CC5" s="421"/>
      <c r="CD5" s="459" t="s">
        <v>97</v>
      </c>
      <c r="CE5" s="379"/>
      <c r="CF5" s="379"/>
      <c r="CG5" s="379"/>
      <c r="CH5" s="379"/>
      <c r="CI5" s="379"/>
      <c r="CJ5" s="379"/>
      <c r="CK5" s="379"/>
      <c r="CL5" s="379"/>
      <c r="CM5" s="379"/>
      <c r="CN5" s="379"/>
      <c r="CO5" s="379"/>
      <c r="CP5" s="379"/>
      <c r="CQ5" s="379"/>
      <c r="CR5" s="379"/>
      <c r="CS5" s="460"/>
      <c r="CT5" s="416">
        <v>93.9</v>
      </c>
      <c r="CU5" s="417"/>
      <c r="CV5" s="417"/>
      <c r="CW5" s="417"/>
      <c r="CX5" s="417"/>
      <c r="CY5" s="417"/>
      <c r="CZ5" s="417"/>
      <c r="DA5" s="418"/>
      <c r="DB5" s="416">
        <v>84.1</v>
      </c>
      <c r="DC5" s="417"/>
      <c r="DD5" s="417"/>
      <c r="DE5" s="417"/>
      <c r="DF5" s="417"/>
      <c r="DG5" s="417"/>
      <c r="DH5" s="417"/>
      <c r="DI5" s="418"/>
    </row>
    <row r="6" spans="1:119" ht="18.75" customHeight="1" x14ac:dyDescent="0.2">
      <c r="A6" s="181"/>
      <c r="B6" s="565" t="s">
        <v>98</v>
      </c>
      <c r="C6" s="406"/>
      <c r="D6" s="406"/>
      <c r="E6" s="566"/>
      <c r="F6" s="566"/>
      <c r="G6" s="566"/>
      <c r="H6" s="566"/>
      <c r="I6" s="566"/>
      <c r="J6" s="566"/>
      <c r="K6" s="566"/>
      <c r="L6" s="566" t="s">
        <v>99</v>
      </c>
      <c r="M6" s="566"/>
      <c r="N6" s="566"/>
      <c r="O6" s="566"/>
      <c r="P6" s="566"/>
      <c r="Q6" s="566"/>
      <c r="R6" s="404"/>
      <c r="S6" s="404"/>
      <c r="T6" s="404"/>
      <c r="U6" s="404"/>
      <c r="V6" s="572"/>
      <c r="W6" s="509" t="s">
        <v>100</v>
      </c>
      <c r="X6" s="405"/>
      <c r="Y6" s="405"/>
      <c r="Z6" s="405"/>
      <c r="AA6" s="405"/>
      <c r="AB6" s="406"/>
      <c r="AC6" s="577" t="s">
        <v>101</v>
      </c>
      <c r="AD6" s="578"/>
      <c r="AE6" s="578"/>
      <c r="AF6" s="578"/>
      <c r="AG6" s="578"/>
      <c r="AH6" s="578"/>
      <c r="AI6" s="578"/>
      <c r="AJ6" s="578"/>
      <c r="AK6" s="578"/>
      <c r="AL6" s="579"/>
      <c r="AM6" s="476" t="s">
        <v>102</v>
      </c>
      <c r="AN6" s="376"/>
      <c r="AO6" s="376"/>
      <c r="AP6" s="376"/>
      <c r="AQ6" s="376"/>
      <c r="AR6" s="376"/>
      <c r="AS6" s="376"/>
      <c r="AT6" s="377"/>
      <c r="AU6" s="477" t="s">
        <v>103</v>
      </c>
      <c r="AV6" s="478"/>
      <c r="AW6" s="478"/>
      <c r="AX6" s="478"/>
      <c r="AY6" s="433" t="s">
        <v>104</v>
      </c>
      <c r="AZ6" s="434"/>
      <c r="BA6" s="434"/>
      <c r="BB6" s="434"/>
      <c r="BC6" s="434"/>
      <c r="BD6" s="434"/>
      <c r="BE6" s="434"/>
      <c r="BF6" s="434"/>
      <c r="BG6" s="434"/>
      <c r="BH6" s="434"/>
      <c r="BI6" s="434"/>
      <c r="BJ6" s="434"/>
      <c r="BK6" s="434"/>
      <c r="BL6" s="434"/>
      <c r="BM6" s="435"/>
      <c r="BN6" s="419">
        <v>2518266</v>
      </c>
      <c r="BO6" s="420"/>
      <c r="BP6" s="420"/>
      <c r="BQ6" s="420"/>
      <c r="BR6" s="420"/>
      <c r="BS6" s="420"/>
      <c r="BT6" s="420"/>
      <c r="BU6" s="421"/>
      <c r="BV6" s="419">
        <v>3311681</v>
      </c>
      <c r="BW6" s="420"/>
      <c r="BX6" s="420"/>
      <c r="BY6" s="420"/>
      <c r="BZ6" s="420"/>
      <c r="CA6" s="420"/>
      <c r="CB6" s="420"/>
      <c r="CC6" s="421"/>
      <c r="CD6" s="459" t="s">
        <v>105</v>
      </c>
      <c r="CE6" s="379"/>
      <c r="CF6" s="379"/>
      <c r="CG6" s="379"/>
      <c r="CH6" s="379"/>
      <c r="CI6" s="379"/>
      <c r="CJ6" s="379"/>
      <c r="CK6" s="379"/>
      <c r="CL6" s="379"/>
      <c r="CM6" s="379"/>
      <c r="CN6" s="379"/>
      <c r="CO6" s="379"/>
      <c r="CP6" s="379"/>
      <c r="CQ6" s="379"/>
      <c r="CR6" s="379"/>
      <c r="CS6" s="460"/>
      <c r="CT6" s="562">
        <v>93.9</v>
      </c>
      <c r="CU6" s="563"/>
      <c r="CV6" s="563"/>
      <c r="CW6" s="563"/>
      <c r="CX6" s="563"/>
      <c r="CY6" s="563"/>
      <c r="CZ6" s="563"/>
      <c r="DA6" s="564"/>
      <c r="DB6" s="562">
        <v>87.2</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6</v>
      </c>
      <c r="AN7" s="376"/>
      <c r="AO7" s="376"/>
      <c r="AP7" s="376"/>
      <c r="AQ7" s="376"/>
      <c r="AR7" s="376"/>
      <c r="AS7" s="376"/>
      <c r="AT7" s="377"/>
      <c r="AU7" s="477" t="s">
        <v>107</v>
      </c>
      <c r="AV7" s="478"/>
      <c r="AW7" s="478"/>
      <c r="AX7" s="478"/>
      <c r="AY7" s="433" t="s">
        <v>108</v>
      </c>
      <c r="AZ7" s="434"/>
      <c r="BA7" s="434"/>
      <c r="BB7" s="434"/>
      <c r="BC7" s="434"/>
      <c r="BD7" s="434"/>
      <c r="BE7" s="434"/>
      <c r="BF7" s="434"/>
      <c r="BG7" s="434"/>
      <c r="BH7" s="434"/>
      <c r="BI7" s="434"/>
      <c r="BJ7" s="434"/>
      <c r="BK7" s="434"/>
      <c r="BL7" s="434"/>
      <c r="BM7" s="435"/>
      <c r="BN7" s="419">
        <v>140226</v>
      </c>
      <c r="BO7" s="420"/>
      <c r="BP7" s="420"/>
      <c r="BQ7" s="420"/>
      <c r="BR7" s="420"/>
      <c r="BS7" s="420"/>
      <c r="BT7" s="420"/>
      <c r="BU7" s="421"/>
      <c r="BV7" s="419">
        <v>72130</v>
      </c>
      <c r="BW7" s="420"/>
      <c r="BX7" s="420"/>
      <c r="BY7" s="420"/>
      <c r="BZ7" s="420"/>
      <c r="CA7" s="420"/>
      <c r="CB7" s="420"/>
      <c r="CC7" s="421"/>
      <c r="CD7" s="459" t="s">
        <v>109</v>
      </c>
      <c r="CE7" s="379"/>
      <c r="CF7" s="379"/>
      <c r="CG7" s="379"/>
      <c r="CH7" s="379"/>
      <c r="CI7" s="379"/>
      <c r="CJ7" s="379"/>
      <c r="CK7" s="379"/>
      <c r="CL7" s="379"/>
      <c r="CM7" s="379"/>
      <c r="CN7" s="379"/>
      <c r="CO7" s="379"/>
      <c r="CP7" s="379"/>
      <c r="CQ7" s="379"/>
      <c r="CR7" s="379"/>
      <c r="CS7" s="460"/>
      <c r="CT7" s="419">
        <v>22984135</v>
      </c>
      <c r="CU7" s="420"/>
      <c r="CV7" s="420"/>
      <c r="CW7" s="420"/>
      <c r="CX7" s="420"/>
      <c r="CY7" s="420"/>
      <c r="CZ7" s="420"/>
      <c r="DA7" s="421"/>
      <c r="DB7" s="419">
        <v>22997159</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0</v>
      </c>
      <c r="AN8" s="376"/>
      <c r="AO8" s="376"/>
      <c r="AP8" s="376"/>
      <c r="AQ8" s="376"/>
      <c r="AR8" s="376"/>
      <c r="AS8" s="376"/>
      <c r="AT8" s="377"/>
      <c r="AU8" s="477" t="s">
        <v>95</v>
      </c>
      <c r="AV8" s="478"/>
      <c r="AW8" s="478"/>
      <c r="AX8" s="478"/>
      <c r="AY8" s="433" t="s">
        <v>111</v>
      </c>
      <c r="AZ8" s="434"/>
      <c r="BA8" s="434"/>
      <c r="BB8" s="434"/>
      <c r="BC8" s="434"/>
      <c r="BD8" s="434"/>
      <c r="BE8" s="434"/>
      <c r="BF8" s="434"/>
      <c r="BG8" s="434"/>
      <c r="BH8" s="434"/>
      <c r="BI8" s="434"/>
      <c r="BJ8" s="434"/>
      <c r="BK8" s="434"/>
      <c r="BL8" s="434"/>
      <c r="BM8" s="435"/>
      <c r="BN8" s="419">
        <v>2378040</v>
      </c>
      <c r="BO8" s="420"/>
      <c r="BP8" s="420"/>
      <c r="BQ8" s="420"/>
      <c r="BR8" s="420"/>
      <c r="BS8" s="420"/>
      <c r="BT8" s="420"/>
      <c r="BU8" s="421"/>
      <c r="BV8" s="419">
        <v>3239551</v>
      </c>
      <c r="BW8" s="420"/>
      <c r="BX8" s="420"/>
      <c r="BY8" s="420"/>
      <c r="BZ8" s="420"/>
      <c r="CA8" s="420"/>
      <c r="CB8" s="420"/>
      <c r="CC8" s="421"/>
      <c r="CD8" s="459" t="s">
        <v>112</v>
      </c>
      <c r="CE8" s="379"/>
      <c r="CF8" s="379"/>
      <c r="CG8" s="379"/>
      <c r="CH8" s="379"/>
      <c r="CI8" s="379"/>
      <c r="CJ8" s="379"/>
      <c r="CK8" s="379"/>
      <c r="CL8" s="379"/>
      <c r="CM8" s="379"/>
      <c r="CN8" s="379"/>
      <c r="CO8" s="379"/>
      <c r="CP8" s="379"/>
      <c r="CQ8" s="379"/>
      <c r="CR8" s="379"/>
      <c r="CS8" s="460"/>
      <c r="CT8" s="522">
        <v>0.97</v>
      </c>
      <c r="CU8" s="523"/>
      <c r="CV8" s="523"/>
      <c r="CW8" s="523"/>
      <c r="CX8" s="523"/>
      <c r="CY8" s="523"/>
      <c r="CZ8" s="523"/>
      <c r="DA8" s="524"/>
      <c r="DB8" s="522">
        <v>0.97</v>
      </c>
      <c r="DC8" s="523"/>
      <c r="DD8" s="523"/>
      <c r="DE8" s="523"/>
      <c r="DF8" s="523"/>
      <c r="DG8" s="523"/>
      <c r="DH8" s="523"/>
      <c r="DI8" s="524"/>
    </row>
    <row r="9" spans="1:119" ht="18.75" customHeight="1" thickBot="1" x14ac:dyDescent="0.25">
      <c r="A9" s="181"/>
      <c r="B9" s="551" t="s">
        <v>113</v>
      </c>
      <c r="C9" s="552"/>
      <c r="D9" s="552"/>
      <c r="E9" s="552"/>
      <c r="F9" s="552"/>
      <c r="G9" s="552"/>
      <c r="H9" s="552"/>
      <c r="I9" s="552"/>
      <c r="J9" s="552"/>
      <c r="K9" s="470"/>
      <c r="L9" s="553" t="s">
        <v>114</v>
      </c>
      <c r="M9" s="554"/>
      <c r="N9" s="554"/>
      <c r="O9" s="554"/>
      <c r="P9" s="554"/>
      <c r="Q9" s="555"/>
      <c r="R9" s="556">
        <v>113949</v>
      </c>
      <c r="S9" s="557"/>
      <c r="T9" s="557"/>
      <c r="U9" s="557"/>
      <c r="V9" s="558"/>
      <c r="W9" s="488" t="s">
        <v>115</v>
      </c>
      <c r="X9" s="489"/>
      <c r="Y9" s="489"/>
      <c r="Z9" s="489"/>
      <c r="AA9" s="489"/>
      <c r="AB9" s="489"/>
      <c r="AC9" s="489"/>
      <c r="AD9" s="489"/>
      <c r="AE9" s="489"/>
      <c r="AF9" s="489"/>
      <c r="AG9" s="489"/>
      <c r="AH9" s="489"/>
      <c r="AI9" s="489"/>
      <c r="AJ9" s="489"/>
      <c r="AK9" s="489"/>
      <c r="AL9" s="559"/>
      <c r="AM9" s="476" t="s">
        <v>116</v>
      </c>
      <c r="AN9" s="376"/>
      <c r="AO9" s="376"/>
      <c r="AP9" s="376"/>
      <c r="AQ9" s="376"/>
      <c r="AR9" s="376"/>
      <c r="AS9" s="376"/>
      <c r="AT9" s="377"/>
      <c r="AU9" s="477" t="s">
        <v>95</v>
      </c>
      <c r="AV9" s="478"/>
      <c r="AW9" s="478"/>
      <c r="AX9" s="478"/>
      <c r="AY9" s="433" t="s">
        <v>117</v>
      </c>
      <c r="AZ9" s="434"/>
      <c r="BA9" s="434"/>
      <c r="BB9" s="434"/>
      <c r="BC9" s="434"/>
      <c r="BD9" s="434"/>
      <c r="BE9" s="434"/>
      <c r="BF9" s="434"/>
      <c r="BG9" s="434"/>
      <c r="BH9" s="434"/>
      <c r="BI9" s="434"/>
      <c r="BJ9" s="434"/>
      <c r="BK9" s="434"/>
      <c r="BL9" s="434"/>
      <c r="BM9" s="435"/>
      <c r="BN9" s="419">
        <v>-861511</v>
      </c>
      <c r="BO9" s="420"/>
      <c r="BP9" s="420"/>
      <c r="BQ9" s="420"/>
      <c r="BR9" s="420"/>
      <c r="BS9" s="420"/>
      <c r="BT9" s="420"/>
      <c r="BU9" s="421"/>
      <c r="BV9" s="419">
        <v>1660254</v>
      </c>
      <c r="BW9" s="420"/>
      <c r="BX9" s="420"/>
      <c r="BY9" s="420"/>
      <c r="BZ9" s="420"/>
      <c r="CA9" s="420"/>
      <c r="CB9" s="420"/>
      <c r="CC9" s="421"/>
      <c r="CD9" s="459" t="s">
        <v>118</v>
      </c>
      <c r="CE9" s="379"/>
      <c r="CF9" s="379"/>
      <c r="CG9" s="379"/>
      <c r="CH9" s="379"/>
      <c r="CI9" s="379"/>
      <c r="CJ9" s="379"/>
      <c r="CK9" s="379"/>
      <c r="CL9" s="379"/>
      <c r="CM9" s="379"/>
      <c r="CN9" s="379"/>
      <c r="CO9" s="379"/>
      <c r="CP9" s="379"/>
      <c r="CQ9" s="379"/>
      <c r="CR9" s="379"/>
      <c r="CS9" s="460"/>
      <c r="CT9" s="416">
        <v>7.1</v>
      </c>
      <c r="CU9" s="417"/>
      <c r="CV9" s="417"/>
      <c r="CW9" s="417"/>
      <c r="CX9" s="417"/>
      <c r="CY9" s="417"/>
      <c r="CZ9" s="417"/>
      <c r="DA9" s="418"/>
      <c r="DB9" s="416">
        <v>6.5</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19</v>
      </c>
      <c r="M10" s="376"/>
      <c r="N10" s="376"/>
      <c r="O10" s="376"/>
      <c r="P10" s="376"/>
      <c r="Q10" s="377"/>
      <c r="R10" s="372">
        <v>111539</v>
      </c>
      <c r="S10" s="373"/>
      <c r="T10" s="373"/>
      <c r="U10" s="373"/>
      <c r="V10" s="432"/>
      <c r="W10" s="560"/>
      <c r="X10" s="370"/>
      <c r="Y10" s="370"/>
      <c r="Z10" s="370"/>
      <c r="AA10" s="370"/>
      <c r="AB10" s="370"/>
      <c r="AC10" s="370"/>
      <c r="AD10" s="370"/>
      <c r="AE10" s="370"/>
      <c r="AF10" s="370"/>
      <c r="AG10" s="370"/>
      <c r="AH10" s="370"/>
      <c r="AI10" s="370"/>
      <c r="AJ10" s="370"/>
      <c r="AK10" s="370"/>
      <c r="AL10" s="561"/>
      <c r="AM10" s="476" t="s">
        <v>120</v>
      </c>
      <c r="AN10" s="376"/>
      <c r="AO10" s="376"/>
      <c r="AP10" s="376"/>
      <c r="AQ10" s="376"/>
      <c r="AR10" s="376"/>
      <c r="AS10" s="376"/>
      <c r="AT10" s="377"/>
      <c r="AU10" s="477" t="s">
        <v>95</v>
      </c>
      <c r="AV10" s="478"/>
      <c r="AW10" s="478"/>
      <c r="AX10" s="478"/>
      <c r="AY10" s="433" t="s">
        <v>121</v>
      </c>
      <c r="AZ10" s="434"/>
      <c r="BA10" s="434"/>
      <c r="BB10" s="434"/>
      <c r="BC10" s="434"/>
      <c r="BD10" s="434"/>
      <c r="BE10" s="434"/>
      <c r="BF10" s="434"/>
      <c r="BG10" s="434"/>
      <c r="BH10" s="434"/>
      <c r="BI10" s="434"/>
      <c r="BJ10" s="434"/>
      <c r="BK10" s="434"/>
      <c r="BL10" s="434"/>
      <c r="BM10" s="435"/>
      <c r="BN10" s="419">
        <v>297</v>
      </c>
      <c r="BO10" s="420"/>
      <c r="BP10" s="420"/>
      <c r="BQ10" s="420"/>
      <c r="BR10" s="420"/>
      <c r="BS10" s="420"/>
      <c r="BT10" s="420"/>
      <c r="BU10" s="421"/>
      <c r="BV10" s="419">
        <v>2716809</v>
      </c>
      <c r="BW10" s="420"/>
      <c r="BX10" s="420"/>
      <c r="BY10" s="420"/>
      <c r="BZ10" s="420"/>
      <c r="CA10" s="420"/>
      <c r="CB10" s="420"/>
      <c r="CC10" s="421"/>
      <c r="CD10" s="184" t="s">
        <v>122</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3</v>
      </c>
      <c r="M11" s="381"/>
      <c r="N11" s="381"/>
      <c r="O11" s="381"/>
      <c r="P11" s="381"/>
      <c r="Q11" s="382"/>
      <c r="R11" s="548" t="s">
        <v>124</v>
      </c>
      <c r="S11" s="549"/>
      <c r="T11" s="549"/>
      <c r="U11" s="549"/>
      <c r="V11" s="550"/>
      <c r="W11" s="560"/>
      <c r="X11" s="370"/>
      <c r="Y11" s="370"/>
      <c r="Z11" s="370"/>
      <c r="AA11" s="370"/>
      <c r="AB11" s="370"/>
      <c r="AC11" s="370"/>
      <c r="AD11" s="370"/>
      <c r="AE11" s="370"/>
      <c r="AF11" s="370"/>
      <c r="AG11" s="370"/>
      <c r="AH11" s="370"/>
      <c r="AI11" s="370"/>
      <c r="AJ11" s="370"/>
      <c r="AK11" s="370"/>
      <c r="AL11" s="561"/>
      <c r="AM11" s="476" t="s">
        <v>125</v>
      </c>
      <c r="AN11" s="376"/>
      <c r="AO11" s="376"/>
      <c r="AP11" s="376"/>
      <c r="AQ11" s="376"/>
      <c r="AR11" s="376"/>
      <c r="AS11" s="376"/>
      <c r="AT11" s="377"/>
      <c r="AU11" s="477" t="s">
        <v>95</v>
      </c>
      <c r="AV11" s="478"/>
      <c r="AW11" s="478"/>
      <c r="AX11" s="478"/>
      <c r="AY11" s="433" t="s">
        <v>126</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7</v>
      </c>
      <c r="CE11" s="379"/>
      <c r="CF11" s="379"/>
      <c r="CG11" s="379"/>
      <c r="CH11" s="379"/>
      <c r="CI11" s="379"/>
      <c r="CJ11" s="379"/>
      <c r="CK11" s="379"/>
      <c r="CL11" s="379"/>
      <c r="CM11" s="379"/>
      <c r="CN11" s="379"/>
      <c r="CO11" s="379"/>
      <c r="CP11" s="379"/>
      <c r="CQ11" s="379"/>
      <c r="CR11" s="379"/>
      <c r="CS11" s="460"/>
      <c r="CT11" s="522" t="s">
        <v>128</v>
      </c>
      <c r="CU11" s="523"/>
      <c r="CV11" s="523"/>
      <c r="CW11" s="523"/>
      <c r="CX11" s="523"/>
      <c r="CY11" s="523"/>
      <c r="CZ11" s="523"/>
      <c r="DA11" s="524"/>
      <c r="DB11" s="522" t="s">
        <v>128</v>
      </c>
      <c r="DC11" s="523"/>
      <c r="DD11" s="523"/>
      <c r="DE11" s="523"/>
      <c r="DF11" s="523"/>
      <c r="DG11" s="523"/>
      <c r="DH11" s="523"/>
      <c r="DI11" s="524"/>
    </row>
    <row r="12" spans="1:119" ht="18.75" customHeight="1" x14ac:dyDescent="0.2">
      <c r="A12" s="181"/>
      <c r="B12" s="525" t="s">
        <v>129</v>
      </c>
      <c r="C12" s="526"/>
      <c r="D12" s="526"/>
      <c r="E12" s="526"/>
      <c r="F12" s="526"/>
      <c r="G12" s="526"/>
      <c r="H12" s="526"/>
      <c r="I12" s="526"/>
      <c r="J12" s="526"/>
      <c r="K12" s="527"/>
      <c r="L12" s="534" t="s">
        <v>130</v>
      </c>
      <c r="M12" s="535"/>
      <c r="N12" s="535"/>
      <c r="O12" s="535"/>
      <c r="P12" s="535"/>
      <c r="Q12" s="536"/>
      <c r="R12" s="537">
        <v>114259</v>
      </c>
      <c r="S12" s="538"/>
      <c r="T12" s="538"/>
      <c r="U12" s="538"/>
      <c r="V12" s="539"/>
      <c r="W12" s="540" t="s">
        <v>1</v>
      </c>
      <c r="X12" s="478"/>
      <c r="Y12" s="478"/>
      <c r="Z12" s="478"/>
      <c r="AA12" s="478"/>
      <c r="AB12" s="541"/>
      <c r="AC12" s="542" t="s">
        <v>131</v>
      </c>
      <c r="AD12" s="543"/>
      <c r="AE12" s="543"/>
      <c r="AF12" s="543"/>
      <c r="AG12" s="544"/>
      <c r="AH12" s="542" t="s">
        <v>132</v>
      </c>
      <c r="AI12" s="543"/>
      <c r="AJ12" s="543"/>
      <c r="AK12" s="543"/>
      <c r="AL12" s="545"/>
      <c r="AM12" s="476" t="s">
        <v>133</v>
      </c>
      <c r="AN12" s="376"/>
      <c r="AO12" s="376"/>
      <c r="AP12" s="376"/>
      <c r="AQ12" s="376"/>
      <c r="AR12" s="376"/>
      <c r="AS12" s="376"/>
      <c r="AT12" s="377"/>
      <c r="AU12" s="477" t="s">
        <v>134</v>
      </c>
      <c r="AV12" s="478"/>
      <c r="AW12" s="478"/>
      <c r="AX12" s="478"/>
      <c r="AY12" s="433" t="s">
        <v>135</v>
      </c>
      <c r="AZ12" s="434"/>
      <c r="BA12" s="434"/>
      <c r="BB12" s="434"/>
      <c r="BC12" s="434"/>
      <c r="BD12" s="434"/>
      <c r="BE12" s="434"/>
      <c r="BF12" s="434"/>
      <c r="BG12" s="434"/>
      <c r="BH12" s="434"/>
      <c r="BI12" s="434"/>
      <c r="BJ12" s="434"/>
      <c r="BK12" s="434"/>
      <c r="BL12" s="434"/>
      <c r="BM12" s="435"/>
      <c r="BN12" s="419">
        <v>700000</v>
      </c>
      <c r="BO12" s="420"/>
      <c r="BP12" s="420"/>
      <c r="BQ12" s="420"/>
      <c r="BR12" s="420"/>
      <c r="BS12" s="420"/>
      <c r="BT12" s="420"/>
      <c r="BU12" s="421"/>
      <c r="BV12" s="419">
        <v>0</v>
      </c>
      <c r="BW12" s="420"/>
      <c r="BX12" s="420"/>
      <c r="BY12" s="420"/>
      <c r="BZ12" s="420"/>
      <c r="CA12" s="420"/>
      <c r="CB12" s="420"/>
      <c r="CC12" s="421"/>
      <c r="CD12" s="459" t="s">
        <v>136</v>
      </c>
      <c r="CE12" s="379"/>
      <c r="CF12" s="379"/>
      <c r="CG12" s="379"/>
      <c r="CH12" s="379"/>
      <c r="CI12" s="379"/>
      <c r="CJ12" s="379"/>
      <c r="CK12" s="379"/>
      <c r="CL12" s="379"/>
      <c r="CM12" s="379"/>
      <c r="CN12" s="379"/>
      <c r="CO12" s="379"/>
      <c r="CP12" s="379"/>
      <c r="CQ12" s="379"/>
      <c r="CR12" s="379"/>
      <c r="CS12" s="460"/>
      <c r="CT12" s="522" t="s">
        <v>137</v>
      </c>
      <c r="CU12" s="523"/>
      <c r="CV12" s="523"/>
      <c r="CW12" s="523"/>
      <c r="CX12" s="523"/>
      <c r="CY12" s="523"/>
      <c r="CZ12" s="523"/>
      <c r="DA12" s="524"/>
      <c r="DB12" s="522" t="s">
        <v>137</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38</v>
      </c>
      <c r="N13" s="504"/>
      <c r="O13" s="504"/>
      <c r="P13" s="504"/>
      <c r="Q13" s="505"/>
      <c r="R13" s="506">
        <v>111346</v>
      </c>
      <c r="S13" s="507"/>
      <c r="T13" s="507"/>
      <c r="U13" s="507"/>
      <c r="V13" s="508"/>
      <c r="W13" s="509" t="s">
        <v>139</v>
      </c>
      <c r="X13" s="405"/>
      <c r="Y13" s="405"/>
      <c r="Z13" s="405"/>
      <c r="AA13" s="405"/>
      <c r="AB13" s="406"/>
      <c r="AC13" s="372">
        <v>309</v>
      </c>
      <c r="AD13" s="373"/>
      <c r="AE13" s="373"/>
      <c r="AF13" s="373"/>
      <c r="AG13" s="374"/>
      <c r="AH13" s="372">
        <v>310</v>
      </c>
      <c r="AI13" s="373"/>
      <c r="AJ13" s="373"/>
      <c r="AK13" s="373"/>
      <c r="AL13" s="432"/>
      <c r="AM13" s="476" t="s">
        <v>140</v>
      </c>
      <c r="AN13" s="376"/>
      <c r="AO13" s="376"/>
      <c r="AP13" s="376"/>
      <c r="AQ13" s="376"/>
      <c r="AR13" s="376"/>
      <c r="AS13" s="376"/>
      <c r="AT13" s="377"/>
      <c r="AU13" s="477" t="s">
        <v>141</v>
      </c>
      <c r="AV13" s="478"/>
      <c r="AW13" s="478"/>
      <c r="AX13" s="478"/>
      <c r="AY13" s="433" t="s">
        <v>142</v>
      </c>
      <c r="AZ13" s="434"/>
      <c r="BA13" s="434"/>
      <c r="BB13" s="434"/>
      <c r="BC13" s="434"/>
      <c r="BD13" s="434"/>
      <c r="BE13" s="434"/>
      <c r="BF13" s="434"/>
      <c r="BG13" s="434"/>
      <c r="BH13" s="434"/>
      <c r="BI13" s="434"/>
      <c r="BJ13" s="434"/>
      <c r="BK13" s="434"/>
      <c r="BL13" s="434"/>
      <c r="BM13" s="435"/>
      <c r="BN13" s="419">
        <v>-1561214</v>
      </c>
      <c r="BO13" s="420"/>
      <c r="BP13" s="420"/>
      <c r="BQ13" s="420"/>
      <c r="BR13" s="420"/>
      <c r="BS13" s="420"/>
      <c r="BT13" s="420"/>
      <c r="BU13" s="421"/>
      <c r="BV13" s="419">
        <v>4377063</v>
      </c>
      <c r="BW13" s="420"/>
      <c r="BX13" s="420"/>
      <c r="BY13" s="420"/>
      <c r="BZ13" s="420"/>
      <c r="CA13" s="420"/>
      <c r="CB13" s="420"/>
      <c r="CC13" s="421"/>
      <c r="CD13" s="459" t="s">
        <v>143</v>
      </c>
      <c r="CE13" s="379"/>
      <c r="CF13" s="379"/>
      <c r="CG13" s="379"/>
      <c r="CH13" s="379"/>
      <c r="CI13" s="379"/>
      <c r="CJ13" s="379"/>
      <c r="CK13" s="379"/>
      <c r="CL13" s="379"/>
      <c r="CM13" s="379"/>
      <c r="CN13" s="379"/>
      <c r="CO13" s="379"/>
      <c r="CP13" s="379"/>
      <c r="CQ13" s="379"/>
      <c r="CR13" s="379"/>
      <c r="CS13" s="460"/>
      <c r="CT13" s="416">
        <v>0.3</v>
      </c>
      <c r="CU13" s="417"/>
      <c r="CV13" s="417"/>
      <c r="CW13" s="417"/>
      <c r="CX13" s="417"/>
      <c r="CY13" s="417"/>
      <c r="CZ13" s="417"/>
      <c r="DA13" s="418"/>
      <c r="DB13" s="416">
        <v>0.4</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4</v>
      </c>
      <c r="M14" s="546"/>
      <c r="N14" s="546"/>
      <c r="O14" s="546"/>
      <c r="P14" s="546"/>
      <c r="Q14" s="547"/>
      <c r="R14" s="506">
        <v>113829</v>
      </c>
      <c r="S14" s="507"/>
      <c r="T14" s="507"/>
      <c r="U14" s="507"/>
      <c r="V14" s="508"/>
      <c r="W14" s="510"/>
      <c r="X14" s="408"/>
      <c r="Y14" s="408"/>
      <c r="Z14" s="408"/>
      <c r="AA14" s="408"/>
      <c r="AB14" s="409"/>
      <c r="AC14" s="499">
        <v>0.6</v>
      </c>
      <c r="AD14" s="500"/>
      <c r="AE14" s="500"/>
      <c r="AF14" s="500"/>
      <c r="AG14" s="501"/>
      <c r="AH14" s="499">
        <v>0.6</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5</v>
      </c>
      <c r="CE14" s="457"/>
      <c r="CF14" s="457"/>
      <c r="CG14" s="457"/>
      <c r="CH14" s="457"/>
      <c r="CI14" s="457"/>
      <c r="CJ14" s="457"/>
      <c r="CK14" s="457"/>
      <c r="CL14" s="457"/>
      <c r="CM14" s="457"/>
      <c r="CN14" s="457"/>
      <c r="CO14" s="457"/>
      <c r="CP14" s="457"/>
      <c r="CQ14" s="457"/>
      <c r="CR14" s="457"/>
      <c r="CS14" s="458"/>
      <c r="CT14" s="516" t="s">
        <v>137</v>
      </c>
      <c r="CU14" s="517"/>
      <c r="CV14" s="517"/>
      <c r="CW14" s="517"/>
      <c r="CX14" s="517"/>
      <c r="CY14" s="517"/>
      <c r="CZ14" s="517"/>
      <c r="DA14" s="518"/>
      <c r="DB14" s="516" t="s">
        <v>146</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38</v>
      </c>
      <c r="N15" s="504"/>
      <c r="O15" s="504"/>
      <c r="P15" s="504"/>
      <c r="Q15" s="505"/>
      <c r="R15" s="506">
        <v>111093</v>
      </c>
      <c r="S15" s="507"/>
      <c r="T15" s="507"/>
      <c r="U15" s="507"/>
      <c r="V15" s="508"/>
      <c r="W15" s="509" t="s">
        <v>147</v>
      </c>
      <c r="X15" s="405"/>
      <c r="Y15" s="405"/>
      <c r="Z15" s="405"/>
      <c r="AA15" s="405"/>
      <c r="AB15" s="406"/>
      <c r="AC15" s="372">
        <v>10575</v>
      </c>
      <c r="AD15" s="373"/>
      <c r="AE15" s="373"/>
      <c r="AF15" s="373"/>
      <c r="AG15" s="374"/>
      <c r="AH15" s="372">
        <v>11294</v>
      </c>
      <c r="AI15" s="373"/>
      <c r="AJ15" s="373"/>
      <c r="AK15" s="373"/>
      <c r="AL15" s="432"/>
      <c r="AM15" s="476"/>
      <c r="AN15" s="376"/>
      <c r="AO15" s="376"/>
      <c r="AP15" s="376"/>
      <c r="AQ15" s="376"/>
      <c r="AR15" s="376"/>
      <c r="AS15" s="376"/>
      <c r="AT15" s="377"/>
      <c r="AU15" s="477"/>
      <c r="AV15" s="478"/>
      <c r="AW15" s="478"/>
      <c r="AX15" s="478"/>
      <c r="AY15" s="445" t="s">
        <v>148</v>
      </c>
      <c r="AZ15" s="446"/>
      <c r="BA15" s="446"/>
      <c r="BB15" s="446"/>
      <c r="BC15" s="446"/>
      <c r="BD15" s="446"/>
      <c r="BE15" s="446"/>
      <c r="BF15" s="446"/>
      <c r="BG15" s="446"/>
      <c r="BH15" s="446"/>
      <c r="BI15" s="446"/>
      <c r="BJ15" s="446"/>
      <c r="BK15" s="446"/>
      <c r="BL15" s="446"/>
      <c r="BM15" s="447"/>
      <c r="BN15" s="448">
        <v>17974218</v>
      </c>
      <c r="BO15" s="449"/>
      <c r="BP15" s="449"/>
      <c r="BQ15" s="449"/>
      <c r="BR15" s="449"/>
      <c r="BS15" s="449"/>
      <c r="BT15" s="449"/>
      <c r="BU15" s="450"/>
      <c r="BV15" s="448">
        <v>16296851</v>
      </c>
      <c r="BW15" s="449"/>
      <c r="BX15" s="449"/>
      <c r="BY15" s="449"/>
      <c r="BZ15" s="449"/>
      <c r="CA15" s="449"/>
      <c r="CB15" s="449"/>
      <c r="CC15" s="450"/>
      <c r="CD15" s="519" t="s">
        <v>149</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0</v>
      </c>
      <c r="M16" s="494"/>
      <c r="N16" s="494"/>
      <c r="O16" s="494"/>
      <c r="P16" s="494"/>
      <c r="Q16" s="495"/>
      <c r="R16" s="496" t="s">
        <v>151</v>
      </c>
      <c r="S16" s="497"/>
      <c r="T16" s="497"/>
      <c r="U16" s="497"/>
      <c r="V16" s="498"/>
      <c r="W16" s="510"/>
      <c r="X16" s="408"/>
      <c r="Y16" s="408"/>
      <c r="Z16" s="408"/>
      <c r="AA16" s="408"/>
      <c r="AB16" s="409"/>
      <c r="AC16" s="499">
        <v>21.2</v>
      </c>
      <c r="AD16" s="500"/>
      <c r="AE16" s="500"/>
      <c r="AF16" s="500"/>
      <c r="AG16" s="501"/>
      <c r="AH16" s="499">
        <v>23.2</v>
      </c>
      <c r="AI16" s="500"/>
      <c r="AJ16" s="500"/>
      <c r="AK16" s="500"/>
      <c r="AL16" s="502"/>
      <c r="AM16" s="476"/>
      <c r="AN16" s="376"/>
      <c r="AO16" s="376"/>
      <c r="AP16" s="376"/>
      <c r="AQ16" s="376"/>
      <c r="AR16" s="376"/>
      <c r="AS16" s="376"/>
      <c r="AT16" s="377"/>
      <c r="AU16" s="477"/>
      <c r="AV16" s="478"/>
      <c r="AW16" s="478"/>
      <c r="AX16" s="478"/>
      <c r="AY16" s="433" t="s">
        <v>152</v>
      </c>
      <c r="AZ16" s="434"/>
      <c r="BA16" s="434"/>
      <c r="BB16" s="434"/>
      <c r="BC16" s="434"/>
      <c r="BD16" s="434"/>
      <c r="BE16" s="434"/>
      <c r="BF16" s="434"/>
      <c r="BG16" s="434"/>
      <c r="BH16" s="434"/>
      <c r="BI16" s="434"/>
      <c r="BJ16" s="434"/>
      <c r="BK16" s="434"/>
      <c r="BL16" s="434"/>
      <c r="BM16" s="435"/>
      <c r="BN16" s="419">
        <v>17973775</v>
      </c>
      <c r="BO16" s="420"/>
      <c r="BP16" s="420"/>
      <c r="BQ16" s="420"/>
      <c r="BR16" s="420"/>
      <c r="BS16" s="420"/>
      <c r="BT16" s="420"/>
      <c r="BU16" s="421"/>
      <c r="BV16" s="419">
        <v>17274454</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3</v>
      </c>
      <c r="N17" s="513"/>
      <c r="O17" s="513"/>
      <c r="P17" s="513"/>
      <c r="Q17" s="514"/>
      <c r="R17" s="496" t="s">
        <v>154</v>
      </c>
      <c r="S17" s="497"/>
      <c r="T17" s="497"/>
      <c r="U17" s="497"/>
      <c r="V17" s="498"/>
      <c r="W17" s="509" t="s">
        <v>155</v>
      </c>
      <c r="X17" s="405"/>
      <c r="Y17" s="405"/>
      <c r="Z17" s="405"/>
      <c r="AA17" s="405"/>
      <c r="AB17" s="406"/>
      <c r="AC17" s="372">
        <v>38906</v>
      </c>
      <c r="AD17" s="373"/>
      <c r="AE17" s="373"/>
      <c r="AF17" s="373"/>
      <c r="AG17" s="374"/>
      <c r="AH17" s="372">
        <v>37034</v>
      </c>
      <c r="AI17" s="373"/>
      <c r="AJ17" s="373"/>
      <c r="AK17" s="373"/>
      <c r="AL17" s="432"/>
      <c r="AM17" s="476"/>
      <c r="AN17" s="376"/>
      <c r="AO17" s="376"/>
      <c r="AP17" s="376"/>
      <c r="AQ17" s="376"/>
      <c r="AR17" s="376"/>
      <c r="AS17" s="376"/>
      <c r="AT17" s="377"/>
      <c r="AU17" s="477"/>
      <c r="AV17" s="478"/>
      <c r="AW17" s="478"/>
      <c r="AX17" s="478"/>
      <c r="AY17" s="433" t="s">
        <v>156</v>
      </c>
      <c r="AZ17" s="434"/>
      <c r="BA17" s="434"/>
      <c r="BB17" s="434"/>
      <c r="BC17" s="434"/>
      <c r="BD17" s="434"/>
      <c r="BE17" s="434"/>
      <c r="BF17" s="434"/>
      <c r="BG17" s="434"/>
      <c r="BH17" s="434"/>
      <c r="BI17" s="434"/>
      <c r="BJ17" s="434"/>
      <c r="BK17" s="434"/>
      <c r="BL17" s="434"/>
      <c r="BM17" s="435"/>
      <c r="BN17" s="419">
        <v>22984135</v>
      </c>
      <c r="BO17" s="420"/>
      <c r="BP17" s="420"/>
      <c r="BQ17" s="420"/>
      <c r="BR17" s="420"/>
      <c r="BS17" s="420"/>
      <c r="BT17" s="420"/>
      <c r="BU17" s="421"/>
      <c r="BV17" s="419">
        <v>20800801</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57</v>
      </c>
      <c r="C18" s="470"/>
      <c r="D18" s="470"/>
      <c r="E18" s="471"/>
      <c r="F18" s="471"/>
      <c r="G18" s="471"/>
      <c r="H18" s="471"/>
      <c r="I18" s="471"/>
      <c r="J18" s="471"/>
      <c r="K18" s="471"/>
      <c r="L18" s="472">
        <v>17.34</v>
      </c>
      <c r="M18" s="472"/>
      <c r="N18" s="472"/>
      <c r="O18" s="472"/>
      <c r="P18" s="472"/>
      <c r="Q18" s="472"/>
      <c r="R18" s="473"/>
      <c r="S18" s="473"/>
      <c r="T18" s="473"/>
      <c r="U18" s="473"/>
      <c r="V18" s="474"/>
      <c r="W18" s="490"/>
      <c r="X18" s="491"/>
      <c r="Y18" s="491"/>
      <c r="Z18" s="491"/>
      <c r="AA18" s="491"/>
      <c r="AB18" s="515"/>
      <c r="AC18" s="389">
        <v>78.099999999999994</v>
      </c>
      <c r="AD18" s="390"/>
      <c r="AE18" s="390"/>
      <c r="AF18" s="390"/>
      <c r="AG18" s="475"/>
      <c r="AH18" s="389">
        <v>76.099999999999994</v>
      </c>
      <c r="AI18" s="390"/>
      <c r="AJ18" s="390"/>
      <c r="AK18" s="390"/>
      <c r="AL18" s="391"/>
      <c r="AM18" s="476"/>
      <c r="AN18" s="376"/>
      <c r="AO18" s="376"/>
      <c r="AP18" s="376"/>
      <c r="AQ18" s="376"/>
      <c r="AR18" s="376"/>
      <c r="AS18" s="376"/>
      <c r="AT18" s="377"/>
      <c r="AU18" s="477"/>
      <c r="AV18" s="478"/>
      <c r="AW18" s="478"/>
      <c r="AX18" s="478"/>
      <c r="AY18" s="433" t="s">
        <v>158</v>
      </c>
      <c r="AZ18" s="434"/>
      <c r="BA18" s="434"/>
      <c r="BB18" s="434"/>
      <c r="BC18" s="434"/>
      <c r="BD18" s="434"/>
      <c r="BE18" s="434"/>
      <c r="BF18" s="434"/>
      <c r="BG18" s="434"/>
      <c r="BH18" s="434"/>
      <c r="BI18" s="434"/>
      <c r="BJ18" s="434"/>
      <c r="BK18" s="434"/>
      <c r="BL18" s="434"/>
      <c r="BM18" s="435"/>
      <c r="BN18" s="419">
        <v>21431755</v>
      </c>
      <c r="BO18" s="420"/>
      <c r="BP18" s="420"/>
      <c r="BQ18" s="420"/>
      <c r="BR18" s="420"/>
      <c r="BS18" s="420"/>
      <c r="BT18" s="420"/>
      <c r="BU18" s="421"/>
      <c r="BV18" s="419">
        <v>20897973</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59</v>
      </c>
      <c r="C19" s="470"/>
      <c r="D19" s="470"/>
      <c r="E19" s="471"/>
      <c r="F19" s="471"/>
      <c r="G19" s="471"/>
      <c r="H19" s="471"/>
      <c r="I19" s="471"/>
      <c r="J19" s="471"/>
      <c r="K19" s="471"/>
      <c r="L19" s="479">
        <v>6571</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0</v>
      </c>
      <c r="AZ19" s="434"/>
      <c r="BA19" s="434"/>
      <c r="BB19" s="434"/>
      <c r="BC19" s="434"/>
      <c r="BD19" s="434"/>
      <c r="BE19" s="434"/>
      <c r="BF19" s="434"/>
      <c r="BG19" s="434"/>
      <c r="BH19" s="434"/>
      <c r="BI19" s="434"/>
      <c r="BJ19" s="434"/>
      <c r="BK19" s="434"/>
      <c r="BL19" s="434"/>
      <c r="BM19" s="435"/>
      <c r="BN19" s="419">
        <v>31334964</v>
      </c>
      <c r="BO19" s="420"/>
      <c r="BP19" s="420"/>
      <c r="BQ19" s="420"/>
      <c r="BR19" s="420"/>
      <c r="BS19" s="420"/>
      <c r="BT19" s="420"/>
      <c r="BU19" s="421"/>
      <c r="BV19" s="419">
        <v>30297022</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1</v>
      </c>
      <c r="C20" s="470"/>
      <c r="D20" s="470"/>
      <c r="E20" s="471"/>
      <c r="F20" s="471"/>
      <c r="G20" s="471"/>
      <c r="H20" s="471"/>
      <c r="I20" s="471"/>
      <c r="J20" s="471"/>
      <c r="K20" s="471"/>
      <c r="L20" s="479">
        <v>52163</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2</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3</v>
      </c>
      <c r="C22" s="396"/>
      <c r="D22" s="397"/>
      <c r="E22" s="404" t="s">
        <v>1</v>
      </c>
      <c r="F22" s="405"/>
      <c r="G22" s="405"/>
      <c r="H22" s="405"/>
      <c r="I22" s="405"/>
      <c r="J22" s="405"/>
      <c r="K22" s="406"/>
      <c r="L22" s="404" t="s">
        <v>164</v>
      </c>
      <c r="M22" s="405"/>
      <c r="N22" s="405"/>
      <c r="O22" s="405"/>
      <c r="P22" s="406"/>
      <c r="Q22" s="410" t="s">
        <v>165</v>
      </c>
      <c r="R22" s="411"/>
      <c r="S22" s="411"/>
      <c r="T22" s="411"/>
      <c r="U22" s="411"/>
      <c r="V22" s="412"/>
      <c r="W22" s="461" t="s">
        <v>166</v>
      </c>
      <c r="X22" s="396"/>
      <c r="Y22" s="397"/>
      <c r="Z22" s="404" t="s">
        <v>1</v>
      </c>
      <c r="AA22" s="405"/>
      <c r="AB22" s="405"/>
      <c r="AC22" s="405"/>
      <c r="AD22" s="405"/>
      <c r="AE22" s="405"/>
      <c r="AF22" s="405"/>
      <c r="AG22" s="406"/>
      <c r="AH22" s="422" t="s">
        <v>167</v>
      </c>
      <c r="AI22" s="405"/>
      <c r="AJ22" s="405"/>
      <c r="AK22" s="405"/>
      <c r="AL22" s="406"/>
      <c r="AM22" s="422" t="s">
        <v>168</v>
      </c>
      <c r="AN22" s="423"/>
      <c r="AO22" s="423"/>
      <c r="AP22" s="423"/>
      <c r="AQ22" s="423"/>
      <c r="AR22" s="424"/>
      <c r="AS22" s="410" t="s">
        <v>165</v>
      </c>
      <c r="AT22" s="411"/>
      <c r="AU22" s="411"/>
      <c r="AV22" s="411"/>
      <c r="AW22" s="411"/>
      <c r="AX22" s="428"/>
      <c r="AY22" s="445" t="s">
        <v>169</v>
      </c>
      <c r="AZ22" s="446"/>
      <c r="BA22" s="446"/>
      <c r="BB22" s="446"/>
      <c r="BC22" s="446"/>
      <c r="BD22" s="446"/>
      <c r="BE22" s="446"/>
      <c r="BF22" s="446"/>
      <c r="BG22" s="446"/>
      <c r="BH22" s="446"/>
      <c r="BI22" s="446"/>
      <c r="BJ22" s="446"/>
      <c r="BK22" s="446"/>
      <c r="BL22" s="446"/>
      <c r="BM22" s="447"/>
      <c r="BN22" s="448">
        <v>16226894</v>
      </c>
      <c r="BO22" s="449"/>
      <c r="BP22" s="449"/>
      <c r="BQ22" s="449"/>
      <c r="BR22" s="449"/>
      <c r="BS22" s="449"/>
      <c r="BT22" s="449"/>
      <c r="BU22" s="450"/>
      <c r="BV22" s="448">
        <v>18031351</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0</v>
      </c>
      <c r="AZ23" s="434"/>
      <c r="BA23" s="434"/>
      <c r="BB23" s="434"/>
      <c r="BC23" s="434"/>
      <c r="BD23" s="434"/>
      <c r="BE23" s="434"/>
      <c r="BF23" s="434"/>
      <c r="BG23" s="434"/>
      <c r="BH23" s="434"/>
      <c r="BI23" s="434"/>
      <c r="BJ23" s="434"/>
      <c r="BK23" s="434"/>
      <c r="BL23" s="434"/>
      <c r="BM23" s="435"/>
      <c r="BN23" s="419">
        <v>10769906</v>
      </c>
      <c r="BO23" s="420"/>
      <c r="BP23" s="420"/>
      <c r="BQ23" s="420"/>
      <c r="BR23" s="420"/>
      <c r="BS23" s="420"/>
      <c r="BT23" s="420"/>
      <c r="BU23" s="421"/>
      <c r="BV23" s="419">
        <v>11848753</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1</v>
      </c>
      <c r="F24" s="376"/>
      <c r="G24" s="376"/>
      <c r="H24" s="376"/>
      <c r="I24" s="376"/>
      <c r="J24" s="376"/>
      <c r="K24" s="377"/>
      <c r="L24" s="372">
        <v>1</v>
      </c>
      <c r="M24" s="373"/>
      <c r="N24" s="373"/>
      <c r="O24" s="373"/>
      <c r="P24" s="374"/>
      <c r="Q24" s="372">
        <v>10000</v>
      </c>
      <c r="R24" s="373"/>
      <c r="S24" s="373"/>
      <c r="T24" s="373"/>
      <c r="U24" s="373"/>
      <c r="V24" s="374"/>
      <c r="W24" s="462"/>
      <c r="X24" s="399"/>
      <c r="Y24" s="400"/>
      <c r="Z24" s="375" t="s">
        <v>172</v>
      </c>
      <c r="AA24" s="376"/>
      <c r="AB24" s="376"/>
      <c r="AC24" s="376"/>
      <c r="AD24" s="376"/>
      <c r="AE24" s="376"/>
      <c r="AF24" s="376"/>
      <c r="AG24" s="377"/>
      <c r="AH24" s="372">
        <v>555</v>
      </c>
      <c r="AI24" s="373"/>
      <c r="AJ24" s="373"/>
      <c r="AK24" s="373"/>
      <c r="AL24" s="374"/>
      <c r="AM24" s="372">
        <v>1715505</v>
      </c>
      <c r="AN24" s="373"/>
      <c r="AO24" s="373"/>
      <c r="AP24" s="373"/>
      <c r="AQ24" s="373"/>
      <c r="AR24" s="374"/>
      <c r="AS24" s="372">
        <v>3091</v>
      </c>
      <c r="AT24" s="373"/>
      <c r="AU24" s="373"/>
      <c r="AV24" s="373"/>
      <c r="AW24" s="373"/>
      <c r="AX24" s="432"/>
      <c r="AY24" s="392" t="s">
        <v>173</v>
      </c>
      <c r="AZ24" s="393"/>
      <c r="BA24" s="393"/>
      <c r="BB24" s="393"/>
      <c r="BC24" s="393"/>
      <c r="BD24" s="393"/>
      <c r="BE24" s="393"/>
      <c r="BF24" s="393"/>
      <c r="BG24" s="393"/>
      <c r="BH24" s="393"/>
      <c r="BI24" s="393"/>
      <c r="BJ24" s="393"/>
      <c r="BK24" s="393"/>
      <c r="BL24" s="393"/>
      <c r="BM24" s="394"/>
      <c r="BN24" s="419">
        <v>7200981</v>
      </c>
      <c r="BO24" s="420"/>
      <c r="BP24" s="420"/>
      <c r="BQ24" s="420"/>
      <c r="BR24" s="420"/>
      <c r="BS24" s="420"/>
      <c r="BT24" s="420"/>
      <c r="BU24" s="421"/>
      <c r="BV24" s="419">
        <v>8050443</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4</v>
      </c>
      <c r="F25" s="376"/>
      <c r="G25" s="376"/>
      <c r="H25" s="376"/>
      <c r="I25" s="376"/>
      <c r="J25" s="376"/>
      <c r="K25" s="377"/>
      <c r="L25" s="372">
        <v>2</v>
      </c>
      <c r="M25" s="373"/>
      <c r="N25" s="373"/>
      <c r="O25" s="373"/>
      <c r="P25" s="374"/>
      <c r="Q25" s="372">
        <v>8800</v>
      </c>
      <c r="R25" s="373"/>
      <c r="S25" s="373"/>
      <c r="T25" s="373"/>
      <c r="U25" s="373"/>
      <c r="V25" s="374"/>
      <c r="W25" s="462"/>
      <c r="X25" s="399"/>
      <c r="Y25" s="400"/>
      <c r="Z25" s="375" t="s">
        <v>175</v>
      </c>
      <c r="AA25" s="376"/>
      <c r="AB25" s="376"/>
      <c r="AC25" s="376"/>
      <c r="AD25" s="376"/>
      <c r="AE25" s="376"/>
      <c r="AF25" s="376"/>
      <c r="AG25" s="377"/>
      <c r="AH25" s="372" t="s">
        <v>137</v>
      </c>
      <c r="AI25" s="373"/>
      <c r="AJ25" s="373"/>
      <c r="AK25" s="373"/>
      <c r="AL25" s="374"/>
      <c r="AM25" s="372" t="s">
        <v>176</v>
      </c>
      <c r="AN25" s="373"/>
      <c r="AO25" s="373"/>
      <c r="AP25" s="373"/>
      <c r="AQ25" s="373"/>
      <c r="AR25" s="374"/>
      <c r="AS25" s="372" t="s">
        <v>176</v>
      </c>
      <c r="AT25" s="373"/>
      <c r="AU25" s="373"/>
      <c r="AV25" s="373"/>
      <c r="AW25" s="373"/>
      <c r="AX25" s="432"/>
      <c r="AY25" s="445" t="s">
        <v>177</v>
      </c>
      <c r="AZ25" s="446"/>
      <c r="BA25" s="446"/>
      <c r="BB25" s="446"/>
      <c r="BC25" s="446"/>
      <c r="BD25" s="446"/>
      <c r="BE25" s="446"/>
      <c r="BF25" s="446"/>
      <c r="BG25" s="446"/>
      <c r="BH25" s="446"/>
      <c r="BI25" s="446"/>
      <c r="BJ25" s="446"/>
      <c r="BK25" s="446"/>
      <c r="BL25" s="446"/>
      <c r="BM25" s="447"/>
      <c r="BN25" s="448">
        <v>2158942</v>
      </c>
      <c r="BO25" s="449"/>
      <c r="BP25" s="449"/>
      <c r="BQ25" s="449"/>
      <c r="BR25" s="449"/>
      <c r="BS25" s="449"/>
      <c r="BT25" s="449"/>
      <c r="BU25" s="450"/>
      <c r="BV25" s="448">
        <v>3553698</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78</v>
      </c>
      <c r="F26" s="376"/>
      <c r="G26" s="376"/>
      <c r="H26" s="376"/>
      <c r="I26" s="376"/>
      <c r="J26" s="376"/>
      <c r="K26" s="377"/>
      <c r="L26" s="372">
        <v>1</v>
      </c>
      <c r="M26" s="373"/>
      <c r="N26" s="373"/>
      <c r="O26" s="373"/>
      <c r="P26" s="374"/>
      <c r="Q26" s="372">
        <v>8100</v>
      </c>
      <c r="R26" s="373"/>
      <c r="S26" s="373"/>
      <c r="T26" s="373"/>
      <c r="U26" s="373"/>
      <c r="V26" s="374"/>
      <c r="W26" s="462"/>
      <c r="X26" s="399"/>
      <c r="Y26" s="400"/>
      <c r="Z26" s="375" t="s">
        <v>179</v>
      </c>
      <c r="AA26" s="430"/>
      <c r="AB26" s="430"/>
      <c r="AC26" s="430"/>
      <c r="AD26" s="430"/>
      <c r="AE26" s="430"/>
      <c r="AF26" s="430"/>
      <c r="AG26" s="431"/>
      <c r="AH26" s="372">
        <v>34</v>
      </c>
      <c r="AI26" s="373"/>
      <c r="AJ26" s="373"/>
      <c r="AK26" s="373"/>
      <c r="AL26" s="374"/>
      <c r="AM26" s="372">
        <v>105876</v>
      </c>
      <c r="AN26" s="373"/>
      <c r="AO26" s="373"/>
      <c r="AP26" s="373"/>
      <c r="AQ26" s="373"/>
      <c r="AR26" s="374"/>
      <c r="AS26" s="372">
        <v>3114</v>
      </c>
      <c r="AT26" s="373"/>
      <c r="AU26" s="373"/>
      <c r="AV26" s="373"/>
      <c r="AW26" s="373"/>
      <c r="AX26" s="432"/>
      <c r="AY26" s="459" t="s">
        <v>180</v>
      </c>
      <c r="AZ26" s="379"/>
      <c r="BA26" s="379"/>
      <c r="BB26" s="379"/>
      <c r="BC26" s="379"/>
      <c r="BD26" s="379"/>
      <c r="BE26" s="379"/>
      <c r="BF26" s="379"/>
      <c r="BG26" s="379"/>
      <c r="BH26" s="379"/>
      <c r="BI26" s="379"/>
      <c r="BJ26" s="379"/>
      <c r="BK26" s="379"/>
      <c r="BL26" s="379"/>
      <c r="BM26" s="460"/>
      <c r="BN26" s="419">
        <v>50000</v>
      </c>
      <c r="BO26" s="420"/>
      <c r="BP26" s="420"/>
      <c r="BQ26" s="420"/>
      <c r="BR26" s="420"/>
      <c r="BS26" s="420"/>
      <c r="BT26" s="420"/>
      <c r="BU26" s="421"/>
      <c r="BV26" s="419">
        <v>30000</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1</v>
      </c>
      <c r="F27" s="376"/>
      <c r="G27" s="376"/>
      <c r="H27" s="376"/>
      <c r="I27" s="376"/>
      <c r="J27" s="376"/>
      <c r="K27" s="377"/>
      <c r="L27" s="372">
        <v>1</v>
      </c>
      <c r="M27" s="373"/>
      <c r="N27" s="373"/>
      <c r="O27" s="373"/>
      <c r="P27" s="374"/>
      <c r="Q27" s="372">
        <v>6100</v>
      </c>
      <c r="R27" s="373"/>
      <c r="S27" s="373"/>
      <c r="T27" s="373"/>
      <c r="U27" s="373"/>
      <c r="V27" s="374"/>
      <c r="W27" s="462"/>
      <c r="X27" s="399"/>
      <c r="Y27" s="400"/>
      <c r="Z27" s="375" t="s">
        <v>182</v>
      </c>
      <c r="AA27" s="376"/>
      <c r="AB27" s="376"/>
      <c r="AC27" s="376"/>
      <c r="AD27" s="376"/>
      <c r="AE27" s="376"/>
      <c r="AF27" s="376"/>
      <c r="AG27" s="377"/>
      <c r="AH27" s="372">
        <v>3</v>
      </c>
      <c r="AI27" s="373"/>
      <c r="AJ27" s="373"/>
      <c r="AK27" s="373"/>
      <c r="AL27" s="374"/>
      <c r="AM27" s="372">
        <v>12936</v>
      </c>
      <c r="AN27" s="373"/>
      <c r="AO27" s="373"/>
      <c r="AP27" s="373"/>
      <c r="AQ27" s="373"/>
      <c r="AR27" s="374"/>
      <c r="AS27" s="372">
        <v>4312</v>
      </c>
      <c r="AT27" s="373"/>
      <c r="AU27" s="373"/>
      <c r="AV27" s="373"/>
      <c r="AW27" s="373"/>
      <c r="AX27" s="432"/>
      <c r="AY27" s="456" t="s">
        <v>183</v>
      </c>
      <c r="AZ27" s="457"/>
      <c r="BA27" s="457"/>
      <c r="BB27" s="457"/>
      <c r="BC27" s="457"/>
      <c r="BD27" s="457"/>
      <c r="BE27" s="457"/>
      <c r="BF27" s="457"/>
      <c r="BG27" s="457"/>
      <c r="BH27" s="457"/>
      <c r="BI27" s="457"/>
      <c r="BJ27" s="457"/>
      <c r="BK27" s="457"/>
      <c r="BL27" s="457"/>
      <c r="BM27" s="458"/>
      <c r="BN27" s="453" t="s">
        <v>176</v>
      </c>
      <c r="BO27" s="454"/>
      <c r="BP27" s="454"/>
      <c r="BQ27" s="454"/>
      <c r="BR27" s="454"/>
      <c r="BS27" s="454"/>
      <c r="BT27" s="454"/>
      <c r="BU27" s="455"/>
      <c r="BV27" s="453" t="s">
        <v>176</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4</v>
      </c>
      <c r="F28" s="376"/>
      <c r="G28" s="376"/>
      <c r="H28" s="376"/>
      <c r="I28" s="376"/>
      <c r="J28" s="376"/>
      <c r="K28" s="377"/>
      <c r="L28" s="372">
        <v>1</v>
      </c>
      <c r="M28" s="373"/>
      <c r="N28" s="373"/>
      <c r="O28" s="373"/>
      <c r="P28" s="374"/>
      <c r="Q28" s="372">
        <v>5500</v>
      </c>
      <c r="R28" s="373"/>
      <c r="S28" s="373"/>
      <c r="T28" s="373"/>
      <c r="U28" s="373"/>
      <c r="V28" s="374"/>
      <c r="W28" s="462"/>
      <c r="X28" s="399"/>
      <c r="Y28" s="400"/>
      <c r="Z28" s="375" t="s">
        <v>185</v>
      </c>
      <c r="AA28" s="376"/>
      <c r="AB28" s="376"/>
      <c r="AC28" s="376"/>
      <c r="AD28" s="376"/>
      <c r="AE28" s="376"/>
      <c r="AF28" s="376"/>
      <c r="AG28" s="377"/>
      <c r="AH28" s="372" t="s">
        <v>176</v>
      </c>
      <c r="AI28" s="373"/>
      <c r="AJ28" s="373"/>
      <c r="AK28" s="373"/>
      <c r="AL28" s="374"/>
      <c r="AM28" s="372" t="s">
        <v>176</v>
      </c>
      <c r="AN28" s="373"/>
      <c r="AO28" s="373"/>
      <c r="AP28" s="373"/>
      <c r="AQ28" s="373"/>
      <c r="AR28" s="374"/>
      <c r="AS28" s="372" t="s">
        <v>137</v>
      </c>
      <c r="AT28" s="373"/>
      <c r="AU28" s="373"/>
      <c r="AV28" s="373"/>
      <c r="AW28" s="373"/>
      <c r="AX28" s="432"/>
      <c r="AY28" s="436" t="s">
        <v>186</v>
      </c>
      <c r="AZ28" s="437"/>
      <c r="BA28" s="437"/>
      <c r="BB28" s="438"/>
      <c r="BC28" s="445" t="s">
        <v>49</v>
      </c>
      <c r="BD28" s="446"/>
      <c r="BE28" s="446"/>
      <c r="BF28" s="446"/>
      <c r="BG28" s="446"/>
      <c r="BH28" s="446"/>
      <c r="BI28" s="446"/>
      <c r="BJ28" s="446"/>
      <c r="BK28" s="446"/>
      <c r="BL28" s="446"/>
      <c r="BM28" s="447"/>
      <c r="BN28" s="448">
        <v>7855272</v>
      </c>
      <c r="BO28" s="449"/>
      <c r="BP28" s="449"/>
      <c r="BQ28" s="449"/>
      <c r="BR28" s="449"/>
      <c r="BS28" s="449"/>
      <c r="BT28" s="449"/>
      <c r="BU28" s="450"/>
      <c r="BV28" s="448">
        <v>8554975</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87</v>
      </c>
      <c r="F29" s="376"/>
      <c r="G29" s="376"/>
      <c r="H29" s="376"/>
      <c r="I29" s="376"/>
      <c r="J29" s="376"/>
      <c r="K29" s="377"/>
      <c r="L29" s="372">
        <v>20</v>
      </c>
      <c r="M29" s="373"/>
      <c r="N29" s="373"/>
      <c r="O29" s="373"/>
      <c r="P29" s="374"/>
      <c r="Q29" s="372">
        <v>5300</v>
      </c>
      <c r="R29" s="373"/>
      <c r="S29" s="373"/>
      <c r="T29" s="373"/>
      <c r="U29" s="373"/>
      <c r="V29" s="374"/>
      <c r="W29" s="463"/>
      <c r="X29" s="464"/>
      <c r="Y29" s="465"/>
      <c r="Z29" s="375" t="s">
        <v>188</v>
      </c>
      <c r="AA29" s="376"/>
      <c r="AB29" s="376"/>
      <c r="AC29" s="376"/>
      <c r="AD29" s="376"/>
      <c r="AE29" s="376"/>
      <c r="AF29" s="376"/>
      <c r="AG29" s="377"/>
      <c r="AH29" s="372">
        <v>558</v>
      </c>
      <c r="AI29" s="373"/>
      <c r="AJ29" s="373"/>
      <c r="AK29" s="373"/>
      <c r="AL29" s="374"/>
      <c r="AM29" s="372">
        <v>1728441</v>
      </c>
      <c r="AN29" s="373"/>
      <c r="AO29" s="373"/>
      <c r="AP29" s="373"/>
      <c r="AQ29" s="373"/>
      <c r="AR29" s="374"/>
      <c r="AS29" s="372">
        <v>3098</v>
      </c>
      <c r="AT29" s="373"/>
      <c r="AU29" s="373"/>
      <c r="AV29" s="373"/>
      <c r="AW29" s="373"/>
      <c r="AX29" s="432"/>
      <c r="AY29" s="439"/>
      <c r="AZ29" s="440"/>
      <c r="BA29" s="440"/>
      <c r="BB29" s="441"/>
      <c r="BC29" s="433" t="s">
        <v>189</v>
      </c>
      <c r="BD29" s="434"/>
      <c r="BE29" s="434"/>
      <c r="BF29" s="434"/>
      <c r="BG29" s="434"/>
      <c r="BH29" s="434"/>
      <c r="BI29" s="434"/>
      <c r="BJ29" s="434"/>
      <c r="BK29" s="434"/>
      <c r="BL29" s="434"/>
      <c r="BM29" s="435"/>
      <c r="BN29" s="419" t="s">
        <v>176</v>
      </c>
      <c r="BO29" s="420"/>
      <c r="BP29" s="420"/>
      <c r="BQ29" s="420"/>
      <c r="BR29" s="420"/>
      <c r="BS29" s="420"/>
      <c r="BT29" s="420"/>
      <c r="BU29" s="421"/>
      <c r="BV29" s="419" t="s">
        <v>176</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0</v>
      </c>
      <c r="X30" s="387"/>
      <c r="Y30" s="387"/>
      <c r="Z30" s="387"/>
      <c r="AA30" s="387"/>
      <c r="AB30" s="387"/>
      <c r="AC30" s="387"/>
      <c r="AD30" s="387"/>
      <c r="AE30" s="387"/>
      <c r="AF30" s="387"/>
      <c r="AG30" s="388"/>
      <c r="AH30" s="389">
        <v>99.7</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1</v>
      </c>
      <c r="BD30" s="393"/>
      <c r="BE30" s="393"/>
      <c r="BF30" s="393"/>
      <c r="BG30" s="393"/>
      <c r="BH30" s="393"/>
      <c r="BI30" s="393"/>
      <c r="BJ30" s="393"/>
      <c r="BK30" s="393"/>
      <c r="BL30" s="393"/>
      <c r="BM30" s="394"/>
      <c r="BN30" s="453">
        <v>9063941</v>
      </c>
      <c r="BO30" s="454"/>
      <c r="BP30" s="454"/>
      <c r="BQ30" s="454"/>
      <c r="BR30" s="454"/>
      <c r="BS30" s="454"/>
      <c r="BT30" s="454"/>
      <c r="BU30" s="455"/>
      <c r="BV30" s="453">
        <v>7637821</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1</v>
      </c>
      <c r="D32" s="378"/>
      <c r="E32" s="378"/>
      <c r="F32" s="378"/>
      <c r="G32" s="378"/>
      <c r="H32" s="378"/>
      <c r="I32" s="378"/>
      <c r="J32" s="378"/>
      <c r="K32" s="378"/>
      <c r="L32" s="378"/>
      <c r="M32" s="378"/>
      <c r="N32" s="378"/>
      <c r="O32" s="378"/>
      <c r="P32" s="378"/>
      <c r="Q32" s="378"/>
      <c r="R32" s="378"/>
      <c r="S32" s="378"/>
      <c r="U32" s="379" t="s">
        <v>192</v>
      </c>
      <c r="V32" s="379"/>
      <c r="W32" s="379"/>
      <c r="X32" s="379"/>
      <c r="Y32" s="379"/>
      <c r="Z32" s="379"/>
      <c r="AA32" s="379"/>
      <c r="AB32" s="379"/>
      <c r="AC32" s="379"/>
      <c r="AD32" s="379"/>
      <c r="AE32" s="379"/>
      <c r="AF32" s="379"/>
      <c r="AG32" s="379"/>
      <c r="AH32" s="379"/>
      <c r="AI32" s="379"/>
      <c r="AJ32" s="379"/>
      <c r="AK32" s="379"/>
      <c r="AM32" s="379" t="s">
        <v>193</v>
      </c>
      <c r="AN32" s="379"/>
      <c r="AO32" s="379"/>
      <c r="AP32" s="379"/>
      <c r="AQ32" s="379"/>
      <c r="AR32" s="379"/>
      <c r="AS32" s="379"/>
      <c r="AT32" s="379"/>
      <c r="AU32" s="379"/>
      <c r="AV32" s="379"/>
      <c r="AW32" s="379"/>
      <c r="AX32" s="379"/>
      <c r="AY32" s="379"/>
      <c r="AZ32" s="379"/>
      <c r="BA32" s="379"/>
      <c r="BB32" s="379"/>
      <c r="BC32" s="379"/>
      <c r="BE32" s="379" t="s">
        <v>194</v>
      </c>
      <c r="BF32" s="379"/>
      <c r="BG32" s="379"/>
      <c r="BH32" s="379"/>
      <c r="BI32" s="379"/>
      <c r="BJ32" s="379"/>
      <c r="BK32" s="379"/>
      <c r="BL32" s="379"/>
      <c r="BM32" s="379"/>
      <c r="BN32" s="379"/>
      <c r="BO32" s="379"/>
      <c r="BP32" s="379"/>
      <c r="BQ32" s="379"/>
      <c r="BR32" s="379"/>
      <c r="BS32" s="379"/>
      <c r="BT32" s="379"/>
      <c r="BU32" s="379"/>
      <c r="BW32" s="379" t="s">
        <v>195</v>
      </c>
      <c r="BX32" s="379"/>
      <c r="BY32" s="379"/>
      <c r="BZ32" s="379"/>
      <c r="CA32" s="379"/>
      <c r="CB32" s="379"/>
      <c r="CC32" s="379"/>
      <c r="CD32" s="379"/>
      <c r="CE32" s="379"/>
      <c r="CF32" s="379"/>
      <c r="CG32" s="379"/>
      <c r="CH32" s="379"/>
      <c r="CI32" s="379"/>
      <c r="CJ32" s="379"/>
      <c r="CK32" s="379"/>
      <c r="CL32" s="379"/>
      <c r="CM32" s="379"/>
      <c r="CO32" s="379" t="s">
        <v>196</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197</v>
      </c>
      <c r="D33" s="371"/>
      <c r="E33" s="370" t="s">
        <v>198</v>
      </c>
      <c r="F33" s="370"/>
      <c r="G33" s="370"/>
      <c r="H33" s="370"/>
      <c r="I33" s="370"/>
      <c r="J33" s="370"/>
      <c r="K33" s="370"/>
      <c r="L33" s="370"/>
      <c r="M33" s="370"/>
      <c r="N33" s="370"/>
      <c r="O33" s="370"/>
      <c r="P33" s="370"/>
      <c r="Q33" s="370"/>
      <c r="R33" s="370"/>
      <c r="S33" s="370"/>
      <c r="T33" s="206"/>
      <c r="U33" s="371" t="s">
        <v>199</v>
      </c>
      <c r="V33" s="371"/>
      <c r="W33" s="370" t="s">
        <v>200</v>
      </c>
      <c r="X33" s="370"/>
      <c r="Y33" s="370"/>
      <c r="Z33" s="370"/>
      <c r="AA33" s="370"/>
      <c r="AB33" s="370"/>
      <c r="AC33" s="370"/>
      <c r="AD33" s="370"/>
      <c r="AE33" s="370"/>
      <c r="AF33" s="370"/>
      <c r="AG33" s="370"/>
      <c r="AH33" s="370"/>
      <c r="AI33" s="370"/>
      <c r="AJ33" s="370"/>
      <c r="AK33" s="370"/>
      <c r="AL33" s="206"/>
      <c r="AM33" s="371" t="s">
        <v>197</v>
      </c>
      <c r="AN33" s="371"/>
      <c r="AO33" s="370" t="s">
        <v>200</v>
      </c>
      <c r="AP33" s="370"/>
      <c r="AQ33" s="370"/>
      <c r="AR33" s="370"/>
      <c r="AS33" s="370"/>
      <c r="AT33" s="370"/>
      <c r="AU33" s="370"/>
      <c r="AV33" s="370"/>
      <c r="AW33" s="370"/>
      <c r="AX33" s="370"/>
      <c r="AY33" s="370"/>
      <c r="AZ33" s="370"/>
      <c r="BA33" s="370"/>
      <c r="BB33" s="370"/>
      <c r="BC33" s="370"/>
      <c r="BD33" s="207"/>
      <c r="BE33" s="370" t="s">
        <v>201</v>
      </c>
      <c r="BF33" s="370"/>
      <c r="BG33" s="370" t="s">
        <v>202</v>
      </c>
      <c r="BH33" s="370"/>
      <c r="BI33" s="370"/>
      <c r="BJ33" s="370"/>
      <c r="BK33" s="370"/>
      <c r="BL33" s="370"/>
      <c r="BM33" s="370"/>
      <c r="BN33" s="370"/>
      <c r="BO33" s="370"/>
      <c r="BP33" s="370"/>
      <c r="BQ33" s="370"/>
      <c r="BR33" s="370"/>
      <c r="BS33" s="370"/>
      <c r="BT33" s="370"/>
      <c r="BU33" s="370"/>
      <c r="BV33" s="207"/>
      <c r="BW33" s="371" t="s">
        <v>201</v>
      </c>
      <c r="BX33" s="371"/>
      <c r="BY33" s="370" t="s">
        <v>203</v>
      </c>
      <c r="BZ33" s="370"/>
      <c r="CA33" s="370"/>
      <c r="CB33" s="370"/>
      <c r="CC33" s="370"/>
      <c r="CD33" s="370"/>
      <c r="CE33" s="370"/>
      <c r="CF33" s="370"/>
      <c r="CG33" s="370"/>
      <c r="CH33" s="370"/>
      <c r="CI33" s="370"/>
      <c r="CJ33" s="370"/>
      <c r="CK33" s="370"/>
      <c r="CL33" s="370"/>
      <c r="CM33" s="370"/>
      <c r="CN33" s="206"/>
      <c r="CO33" s="371" t="s">
        <v>199</v>
      </c>
      <c r="CP33" s="371"/>
      <c r="CQ33" s="370" t="s">
        <v>204</v>
      </c>
      <c r="CR33" s="370"/>
      <c r="CS33" s="370"/>
      <c r="CT33" s="370"/>
      <c r="CU33" s="370"/>
      <c r="CV33" s="370"/>
      <c r="CW33" s="370"/>
      <c r="CX33" s="370"/>
      <c r="CY33" s="370"/>
      <c r="CZ33" s="370"/>
      <c r="DA33" s="370"/>
      <c r="DB33" s="370"/>
      <c r="DC33" s="370"/>
      <c r="DD33" s="370"/>
      <c r="DE33" s="370"/>
      <c r="DF33" s="206"/>
      <c r="DG33" s="369" t="s">
        <v>205</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特別会計</v>
      </c>
      <c r="X34" s="368"/>
      <c r="Y34" s="368"/>
      <c r="Z34" s="368"/>
      <c r="AA34" s="368"/>
      <c r="AB34" s="368"/>
      <c r="AC34" s="368"/>
      <c r="AD34" s="368"/>
      <c r="AE34" s="368"/>
      <c r="AF34" s="368"/>
      <c r="AG34" s="368"/>
      <c r="AH34" s="368"/>
      <c r="AI34" s="368"/>
      <c r="AJ34" s="368"/>
      <c r="AK34" s="368"/>
      <c r="AL34" s="181"/>
      <c r="AM34" s="367">
        <f>IF(AO34="","",MAX(C34:D43,U34:V43)+1)</f>
        <v>5</v>
      </c>
      <c r="AN34" s="367"/>
      <c r="AO34" s="368" t="str">
        <f>IF('各会計、関係団体の財政状況及び健全化判断比率'!B31="","",'各会計、関係団体の財政状況及び健全化判断比率'!B31)</f>
        <v>水道事業会計</v>
      </c>
      <c r="AP34" s="368"/>
      <c r="AQ34" s="368"/>
      <c r="AR34" s="368"/>
      <c r="AS34" s="368"/>
      <c r="AT34" s="368"/>
      <c r="AU34" s="368"/>
      <c r="AV34" s="368"/>
      <c r="AW34" s="368"/>
      <c r="AX34" s="368"/>
      <c r="AY34" s="368"/>
      <c r="AZ34" s="368"/>
      <c r="BA34" s="368"/>
      <c r="BB34" s="368"/>
      <c r="BC34" s="368"/>
      <c r="BD34" s="181"/>
      <c r="BE34" s="367">
        <f>IF(BG34="","",MAX(C34:D43,U34:V43,AM34:AN43)+1)</f>
        <v>7</v>
      </c>
      <c r="BF34" s="367"/>
      <c r="BG34" s="368" t="str">
        <f>IF('各会計、関係団体の財政状況及び健全化判断比率'!B33="","",'各会計、関係団体の財政状況及び健全化判断比率'!B33)</f>
        <v>中神土地区画整理事業特別会計</v>
      </c>
      <c r="BH34" s="368"/>
      <c r="BI34" s="368"/>
      <c r="BJ34" s="368"/>
      <c r="BK34" s="368"/>
      <c r="BL34" s="368"/>
      <c r="BM34" s="368"/>
      <c r="BN34" s="368"/>
      <c r="BO34" s="368"/>
      <c r="BP34" s="368"/>
      <c r="BQ34" s="368"/>
      <c r="BR34" s="368"/>
      <c r="BS34" s="368"/>
      <c r="BT34" s="368"/>
      <c r="BU34" s="368"/>
      <c r="BV34" s="181"/>
      <c r="BW34" s="367">
        <f>IF(BY34="","",MAX(C34:D43,U34:V43,AM34:AN43,BE34:BF43)+1)</f>
        <v>8</v>
      </c>
      <c r="BX34" s="367"/>
      <c r="BY34" s="368" t="str">
        <f>IF('各会計、関係団体の財政状況及び健全化判断比率'!B68="","",'各会計、関係団体の財政状況及び健全化判断比率'!B68)</f>
        <v>東京たま広域資源循環組合</v>
      </c>
      <c r="BZ34" s="368"/>
      <c r="CA34" s="368"/>
      <c r="CB34" s="368"/>
      <c r="CC34" s="368"/>
      <c r="CD34" s="368"/>
      <c r="CE34" s="368"/>
      <c r="CF34" s="368"/>
      <c r="CG34" s="368"/>
      <c r="CH34" s="368"/>
      <c r="CI34" s="368"/>
      <c r="CJ34" s="368"/>
      <c r="CK34" s="368"/>
      <c r="CL34" s="368"/>
      <c r="CM34" s="368"/>
      <c r="CN34" s="181"/>
      <c r="CO34" s="367">
        <f>IF(CQ34="","",MAX(C34:D43,U34:V43,AM34:AN43,BE34:BF43,BW34:BX43)+1)</f>
        <v>16</v>
      </c>
      <c r="CP34" s="367"/>
      <c r="CQ34" s="368" t="str">
        <f>IF('各会計、関係団体の財政状況及び健全化判断比率'!BS7="","",'各会計、関係団体の財政状況及び健全化判断比率'!BS7)</f>
        <v>昭島市土地開発公社</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〇</v>
      </c>
      <c r="DH34" s="365"/>
      <c r="DI34" s="208"/>
    </row>
    <row r="35" spans="1:113" ht="32.25" customHeight="1" x14ac:dyDescent="0.2">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介護保険特別会計</v>
      </c>
      <c r="X35" s="368"/>
      <c r="Y35" s="368"/>
      <c r="Z35" s="368"/>
      <c r="AA35" s="368"/>
      <c r="AB35" s="368"/>
      <c r="AC35" s="368"/>
      <c r="AD35" s="368"/>
      <c r="AE35" s="368"/>
      <c r="AF35" s="368"/>
      <c r="AG35" s="368"/>
      <c r="AH35" s="368"/>
      <c r="AI35" s="368"/>
      <c r="AJ35" s="368"/>
      <c r="AK35" s="368"/>
      <c r="AL35" s="181"/>
      <c r="AM35" s="367">
        <f t="shared" ref="AM35:AM43" si="0">IF(AO35="","",AM34+1)</f>
        <v>6</v>
      </c>
      <c r="AN35" s="367"/>
      <c r="AO35" s="368" t="str">
        <f>IF('各会計、関係団体の財政状況及び健全化判断比率'!B32="","",'各会計、関係団体の財政状況及び健全化判断比率'!B32)</f>
        <v>下水道事業会計</v>
      </c>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9</v>
      </c>
      <c r="BX35" s="367"/>
      <c r="BY35" s="368" t="str">
        <f>IF('各会計、関係団体の財政状況及び健全化判断比率'!B69="","",'各会計、関係団体の財政状況及び健全化判断比率'!B69)</f>
        <v>東京都十一市競輪事業組合</v>
      </c>
      <c r="BZ35" s="368"/>
      <c r="CA35" s="368"/>
      <c r="CB35" s="368"/>
      <c r="CC35" s="368"/>
      <c r="CD35" s="368"/>
      <c r="CE35" s="368"/>
      <c r="CF35" s="368"/>
      <c r="CG35" s="368"/>
      <c r="CH35" s="368"/>
      <c r="CI35" s="368"/>
      <c r="CJ35" s="368"/>
      <c r="CK35" s="368"/>
      <c r="CL35" s="368"/>
      <c r="CM35" s="368"/>
      <c r="CN35" s="181"/>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後期高齢者医療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0</v>
      </c>
      <c r="BX36" s="367"/>
      <c r="BY36" s="368" t="str">
        <f>IF('各会計、関係団体の財政状況及び健全化判断比率'!B70="","",'各会計、関係団体の財政状況及び健全化判断比率'!B70)</f>
        <v>東京都六市競艇事業組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1</v>
      </c>
      <c r="BX37" s="367"/>
      <c r="BY37" s="368" t="str">
        <f>IF('各会計、関係団体の財政状況及び健全化判断比率'!B71="","",'各会計、関係団体の財政状況及び健全化判断比率'!B71)</f>
        <v>東京市町村総合事務組合（一般会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2</v>
      </c>
      <c r="BX38" s="367"/>
      <c r="BY38" s="368" t="str">
        <f>IF('各会計、関係団体の財政状況及び健全化判断比率'!B72="","",'各会計、関係団体の財政状況及び健全化判断比率'!B72)</f>
        <v>東京市町村総合事務組合（交通災害共済事業特別会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3</v>
      </c>
      <c r="BX39" s="367"/>
      <c r="BY39" s="368" t="str">
        <f>IF('各会計、関係団体の財政状況及び健全化判断比率'!B73="","",'各会計、関係団体の財政状況及び健全化判断比率'!B73)</f>
        <v>立川・昭島・国立聖苑組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4</v>
      </c>
      <c r="BX40" s="367"/>
      <c r="BY40" s="368" t="str">
        <f>IF('各会計、関係団体の財政状況及び健全化判断比率'!B74="","",'各会計、関係団体の財政状況及び健全化判断比率'!B74)</f>
        <v>東京都後期高齢者医療広域連合（一般会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5</v>
      </c>
      <c r="BX41" s="367"/>
      <c r="BY41" s="368" t="str">
        <f>IF('各会計、関係団体の財政状況及び健全化判断比率'!B75="","",'各会計、関係団体の財政状況及び健全化判断比率'!B75)</f>
        <v>東京都後期高齢者医療広域連合（後期高齢者医療特別会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t="str">
        <f t="shared" si="2"/>
        <v/>
      </c>
      <c r="BX42" s="367"/>
      <c r="BY42" s="368" t="str">
        <f>IF('各会計、関係団体の財政状況及び健全化判断比率'!B76="","",'各会計、関係団体の財政状況及び健全化判断比率'!B76)</f>
        <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6</v>
      </c>
      <c r="E46" s="364" t="s">
        <v>207</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08</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09</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0</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1</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2</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3</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4</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irXOF5dGjV4snGacne917iW2q5bEohg+OOWrO+i20CVLFPmbqDy6ztqUL6XFiPwcvrXlb1KgRbc+Fx8NHvUCvA==" saltValue="p2nDtY2rQkeQMNW/J3X/g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6</v>
      </c>
      <c r="G33" s="29" t="s">
        <v>567</v>
      </c>
      <c r="H33" s="29" t="s">
        <v>568</v>
      </c>
      <c r="I33" s="29" t="s">
        <v>569</v>
      </c>
      <c r="J33" s="30" t="s">
        <v>570</v>
      </c>
      <c r="K33" s="22"/>
      <c r="L33" s="22"/>
      <c r="M33" s="22"/>
      <c r="N33" s="22"/>
      <c r="O33" s="22"/>
      <c r="P33" s="22"/>
    </row>
    <row r="34" spans="1:16" ht="39" customHeight="1" x14ac:dyDescent="0.2">
      <c r="A34" s="22"/>
      <c r="B34" s="31"/>
      <c r="C34" s="1153" t="s">
        <v>573</v>
      </c>
      <c r="D34" s="1153"/>
      <c r="E34" s="1154"/>
      <c r="F34" s="32">
        <v>10.75</v>
      </c>
      <c r="G34" s="33">
        <v>13.17</v>
      </c>
      <c r="H34" s="33">
        <v>12.27</v>
      </c>
      <c r="I34" s="33">
        <v>13.08</v>
      </c>
      <c r="J34" s="34">
        <v>14.37</v>
      </c>
      <c r="K34" s="22"/>
      <c r="L34" s="22"/>
      <c r="M34" s="22"/>
      <c r="N34" s="22"/>
      <c r="O34" s="22"/>
      <c r="P34" s="22"/>
    </row>
    <row r="35" spans="1:16" ht="39" customHeight="1" x14ac:dyDescent="0.2">
      <c r="A35" s="22"/>
      <c r="B35" s="35"/>
      <c r="C35" s="1147" t="s">
        <v>574</v>
      </c>
      <c r="D35" s="1148"/>
      <c r="E35" s="1149"/>
      <c r="F35" s="36">
        <v>8.8699999999999992</v>
      </c>
      <c r="G35" s="37">
        <v>6.09</v>
      </c>
      <c r="H35" s="37">
        <v>7.19</v>
      </c>
      <c r="I35" s="37">
        <v>14.08</v>
      </c>
      <c r="J35" s="38">
        <v>10.34</v>
      </c>
      <c r="K35" s="22"/>
      <c r="L35" s="22"/>
      <c r="M35" s="22"/>
      <c r="N35" s="22"/>
      <c r="O35" s="22"/>
      <c r="P35" s="22"/>
    </row>
    <row r="36" spans="1:16" ht="39" customHeight="1" x14ac:dyDescent="0.2">
      <c r="A36" s="22"/>
      <c r="B36" s="35"/>
      <c r="C36" s="1147" t="s">
        <v>575</v>
      </c>
      <c r="D36" s="1148"/>
      <c r="E36" s="1149"/>
      <c r="F36" s="36" t="s">
        <v>525</v>
      </c>
      <c r="G36" s="37" t="s">
        <v>525</v>
      </c>
      <c r="H36" s="37">
        <v>2.81</v>
      </c>
      <c r="I36" s="37">
        <v>3.73</v>
      </c>
      <c r="J36" s="38">
        <v>4.49</v>
      </c>
      <c r="K36" s="22"/>
      <c r="L36" s="22"/>
      <c r="M36" s="22"/>
      <c r="N36" s="22"/>
      <c r="O36" s="22"/>
      <c r="P36" s="22"/>
    </row>
    <row r="37" spans="1:16" ht="39" customHeight="1" x14ac:dyDescent="0.2">
      <c r="A37" s="22"/>
      <c r="B37" s="35"/>
      <c r="C37" s="1147" t="s">
        <v>576</v>
      </c>
      <c r="D37" s="1148"/>
      <c r="E37" s="1149"/>
      <c r="F37" s="36">
        <v>0.75</v>
      </c>
      <c r="G37" s="37">
        <v>0.81</v>
      </c>
      <c r="H37" s="37">
        <v>1.46</v>
      </c>
      <c r="I37" s="37">
        <v>1.23</v>
      </c>
      <c r="J37" s="38">
        <v>1.59</v>
      </c>
      <c r="K37" s="22"/>
      <c r="L37" s="22"/>
      <c r="M37" s="22"/>
      <c r="N37" s="22"/>
      <c r="O37" s="22"/>
      <c r="P37" s="22"/>
    </row>
    <row r="38" spans="1:16" ht="39" customHeight="1" x14ac:dyDescent="0.2">
      <c r="A38" s="22"/>
      <c r="B38" s="35"/>
      <c r="C38" s="1147" t="s">
        <v>577</v>
      </c>
      <c r="D38" s="1148"/>
      <c r="E38" s="1149"/>
      <c r="F38" s="36">
        <v>1.52</v>
      </c>
      <c r="G38" s="37">
        <v>1.04</v>
      </c>
      <c r="H38" s="37">
        <v>1.4</v>
      </c>
      <c r="I38" s="37">
        <v>1.22</v>
      </c>
      <c r="J38" s="38">
        <v>1.2</v>
      </c>
      <c r="K38" s="22"/>
      <c r="L38" s="22"/>
      <c r="M38" s="22"/>
      <c r="N38" s="22"/>
      <c r="O38" s="22"/>
      <c r="P38" s="22"/>
    </row>
    <row r="39" spans="1:16" ht="39" customHeight="1" x14ac:dyDescent="0.2">
      <c r="A39" s="22"/>
      <c r="B39" s="35"/>
      <c r="C39" s="1147" t="s">
        <v>578</v>
      </c>
      <c r="D39" s="1148"/>
      <c r="E39" s="1149"/>
      <c r="F39" s="36">
        <v>0.15</v>
      </c>
      <c r="G39" s="37">
        <v>0.12</v>
      </c>
      <c r="H39" s="37">
        <v>0.13</v>
      </c>
      <c r="I39" s="37">
        <v>0.26</v>
      </c>
      <c r="J39" s="38">
        <v>0.24</v>
      </c>
      <c r="K39" s="22"/>
      <c r="L39" s="22"/>
      <c r="M39" s="22"/>
      <c r="N39" s="22"/>
      <c r="O39" s="22"/>
      <c r="P39" s="22"/>
    </row>
    <row r="40" spans="1:16" ht="39" customHeight="1" x14ac:dyDescent="0.2">
      <c r="A40" s="22"/>
      <c r="B40" s="35"/>
      <c r="C40" s="1147" t="s">
        <v>579</v>
      </c>
      <c r="D40" s="1148"/>
      <c r="E40" s="1149"/>
      <c r="F40" s="36">
        <v>0.21</v>
      </c>
      <c r="G40" s="37">
        <v>0.21</v>
      </c>
      <c r="H40" s="37">
        <v>0.14000000000000001</v>
      </c>
      <c r="I40" s="37">
        <v>0.25</v>
      </c>
      <c r="J40" s="38">
        <v>0.21</v>
      </c>
      <c r="K40" s="22"/>
      <c r="L40" s="22"/>
      <c r="M40" s="22"/>
      <c r="N40" s="22"/>
      <c r="O40" s="22"/>
      <c r="P40" s="22"/>
    </row>
    <row r="41" spans="1:16" ht="39" customHeight="1" x14ac:dyDescent="0.2">
      <c r="A41" s="22"/>
      <c r="B41" s="35"/>
      <c r="C41" s="1147"/>
      <c r="D41" s="1148"/>
      <c r="E41" s="1149"/>
      <c r="F41" s="36"/>
      <c r="G41" s="37"/>
      <c r="H41" s="37"/>
      <c r="I41" s="37"/>
      <c r="J41" s="38"/>
      <c r="K41" s="22"/>
      <c r="L41" s="22"/>
      <c r="M41" s="22"/>
      <c r="N41" s="22"/>
      <c r="O41" s="22"/>
      <c r="P41" s="22"/>
    </row>
    <row r="42" spans="1:16" ht="39" customHeight="1" x14ac:dyDescent="0.2">
      <c r="A42" s="22"/>
      <c r="B42" s="39"/>
      <c r="C42" s="1147" t="s">
        <v>580</v>
      </c>
      <c r="D42" s="1148"/>
      <c r="E42" s="1149"/>
      <c r="F42" s="36" t="s">
        <v>525</v>
      </c>
      <c r="G42" s="37" t="s">
        <v>525</v>
      </c>
      <c r="H42" s="37" t="s">
        <v>525</v>
      </c>
      <c r="I42" s="37" t="s">
        <v>525</v>
      </c>
      <c r="J42" s="38" t="s">
        <v>525</v>
      </c>
      <c r="K42" s="22"/>
      <c r="L42" s="22"/>
      <c r="M42" s="22"/>
      <c r="N42" s="22"/>
      <c r="O42" s="22"/>
      <c r="P42" s="22"/>
    </row>
    <row r="43" spans="1:16" ht="39" customHeight="1" thickBot="1" x14ac:dyDescent="0.25">
      <c r="A43" s="22"/>
      <c r="B43" s="40"/>
      <c r="C43" s="1150" t="s">
        <v>581</v>
      </c>
      <c r="D43" s="1151"/>
      <c r="E43" s="1152"/>
      <c r="F43" s="41">
        <v>1.1499999999999999</v>
      </c>
      <c r="G43" s="42">
        <v>0.97</v>
      </c>
      <c r="H43" s="42" t="s">
        <v>525</v>
      </c>
      <c r="I43" s="42" t="s">
        <v>525</v>
      </c>
      <c r="J43" s="43" t="s">
        <v>525</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VhwwvsTUFAlESeNF2S+AfKA7P712+9yT16bRZWHgDRRJl0xnSVOSybYWRdOADSTUHHYPXEo2kawQqlwE17dVg==" saltValue="OqpWpLxW1w2Wrl8/sGPAj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6</v>
      </c>
      <c r="L44" s="56" t="s">
        <v>567</v>
      </c>
      <c r="M44" s="56" t="s">
        <v>568</v>
      </c>
      <c r="N44" s="56" t="s">
        <v>569</v>
      </c>
      <c r="O44" s="57" t="s">
        <v>570</v>
      </c>
      <c r="P44" s="48"/>
      <c r="Q44" s="48"/>
      <c r="R44" s="48"/>
      <c r="S44" s="48"/>
      <c r="T44" s="48"/>
      <c r="U44" s="48"/>
    </row>
    <row r="45" spans="1:21" ht="30.75" customHeight="1" x14ac:dyDescent="0.2">
      <c r="A45" s="48"/>
      <c r="B45" s="1178" t="s">
        <v>10</v>
      </c>
      <c r="C45" s="1179"/>
      <c r="D45" s="58"/>
      <c r="E45" s="1184" t="s">
        <v>11</v>
      </c>
      <c r="F45" s="1184"/>
      <c r="G45" s="1184"/>
      <c r="H45" s="1184"/>
      <c r="I45" s="1184"/>
      <c r="J45" s="1185"/>
      <c r="K45" s="59">
        <v>2179</v>
      </c>
      <c r="L45" s="60">
        <v>2125</v>
      </c>
      <c r="M45" s="60">
        <v>2075</v>
      </c>
      <c r="N45" s="60">
        <v>1961</v>
      </c>
      <c r="O45" s="61">
        <v>1909</v>
      </c>
      <c r="P45" s="48"/>
      <c r="Q45" s="48"/>
      <c r="R45" s="48"/>
      <c r="S45" s="48"/>
      <c r="T45" s="48"/>
      <c r="U45" s="48"/>
    </row>
    <row r="46" spans="1:21" ht="30.75" customHeight="1" x14ac:dyDescent="0.2">
      <c r="A46" s="48"/>
      <c r="B46" s="1180"/>
      <c r="C46" s="1181"/>
      <c r="D46" s="62"/>
      <c r="E46" s="1157" t="s">
        <v>12</v>
      </c>
      <c r="F46" s="1157"/>
      <c r="G46" s="1157"/>
      <c r="H46" s="1157"/>
      <c r="I46" s="1157"/>
      <c r="J46" s="1158"/>
      <c r="K46" s="63" t="s">
        <v>525</v>
      </c>
      <c r="L46" s="64" t="s">
        <v>525</v>
      </c>
      <c r="M46" s="64" t="s">
        <v>525</v>
      </c>
      <c r="N46" s="64" t="s">
        <v>525</v>
      </c>
      <c r="O46" s="65" t="s">
        <v>525</v>
      </c>
      <c r="P46" s="48"/>
      <c r="Q46" s="48"/>
      <c r="R46" s="48"/>
      <c r="S46" s="48"/>
      <c r="T46" s="48"/>
      <c r="U46" s="48"/>
    </row>
    <row r="47" spans="1:21" ht="30.75" customHeight="1" x14ac:dyDescent="0.2">
      <c r="A47" s="48"/>
      <c r="B47" s="1180"/>
      <c r="C47" s="1181"/>
      <c r="D47" s="62"/>
      <c r="E47" s="1157" t="s">
        <v>13</v>
      </c>
      <c r="F47" s="1157"/>
      <c r="G47" s="1157"/>
      <c r="H47" s="1157"/>
      <c r="I47" s="1157"/>
      <c r="J47" s="1158"/>
      <c r="K47" s="63" t="s">
        <v>525</v>
      </c>
      <c r="L47" s="64" t="s">
        <v>525</v>
      </c>
      <c r="M47" s="64" t="s">
        <v>525</v>
      </c>
      <c r="N47" s="64" t="s">
        <v>525</v>
      </c>
      <c r="O47" s="65" t="s">
        <v>525</v>
      </c>
      <c r="P47" s="48"/>
      <c r="Q47" s="48"/>
      <c r="R47" s="48"/>
      <c r="S47" s="48"/>
      <c r="T47" s="48"/>
      <c r="U47" s="48"/>
    </row>
    <row r="48" spans="1:21" ht="30.75" customHeight="1" x14ac:dyDescent="0.2">
      <c r="A48" s="48"/>
      <c r="B48" s="1180"/>
      <c r="C48" s="1181"/>
      <c r="D48" s="62"/>
      <c r="E48" s="1157" t="s">
        <v>14</v>
      </c>
      <c r="F48" s="1157"/>
      <c r="G48" s="1157"/>
      <c r="H48" s="1157"/>
      <c r="I48" s="1157"/>
      <c r="J48" s="1158"/>
      <c r="K48" s="63">
        <v>424</v>
      </c>
      <c r="L48" s="64">
        <v>437</v>
      </c>
      <c r="M48" s="64">
        <v>399</v>
      </c>
      <c r="N48" s="64">
        <v>372</v>
      </c>
      <c r="O48" s="65">
        <v>348</v>
      </c>
      <c r="P48" s="48"/>
      <c r="Q48" s="48"/>
      <c r="R48" s="48"/>
      <c r="S48" s="48"/>
      <c r="T48" s="48"/>
      <c r="U48" s="48"/>
    </row>
    <row r="49" spans="1:21" ht="30.75" customHeight="1" x14ac:dyDescent="0.2">
      <c r="A49" s="48"/>
      <c r="B49" s="1180"/>
      <c r="C49" s="1181"/>
      <c r="D49" s="62"/>
      <c r="E49" s="1157" t="s">
        <v>15</v>
      </c>
      <c r="F49" s="1157"/>
      <c r="G49" s="1157"/>
      <c r="H49" s="1157"/>
      <c r="I49" s="1157"/>
      <c r="J49" s="1158"/>
      <c r="K49" s="63">
        <v>50</v>
      </c>
      <c r="L49" s="64">
        <v>34</v>
      </c>
      <c r="M49" s="64">
        <v>14</v>
      </c>
      <c r="N49" s="64">
        <v>1</v>
      </c>
      <c r="O49" s="65">
        <v>1</v>
      </c>
      <c r="P49" s="48"/>
      <c r="Q49" s="48"/>
      <c r="R49" s="48"/>
      <c r="S49" s="48"/>
      <c r="T49" s="48"/>
      <c r="U49" s="48"/>
    </row>
    <row r="50" spans="1:21" ht="30.75" customHeight="1" x14ac:dyDescent="0.2">
      <c r="A50" s="48"/>
      <c r="B50" s="1180"/>
      <c r="C50" s="1181"/>
      <c r="D50" s="62"/>
      <c r="E50" s="1157" t="s">
        <v>16</v>
      </c>
      <c r="F50" s="1157"/>
      <c r="G50" s="1157"/>
      <c r="H50" s="1157"/>
      <c r="I50" s="1157"/>
      <c r="J50" s="1158"/>
      <c r="K50" s="63">
        <v>8</v>
      </c>
      <c r="L50" s="64">
        <v>8</v>
      </c>
      <c r="M50" s="64">
        <v>8</v>
      </c>
      <c r="N50" s="64">
        <v>8</v>
      </c>
      <c r="O50" s="65" t="s">
        <v>525</v>
      </c>
      <c r="P50" s="48"/>
      <c r="Q50" s="48"/>
      <c r="R50" s="48"/>
      <c r="S50" s="48"/>
      <c r="T50" s="48"/>
      <c r="U50" s="48"/>
    </row>
    <row r="51" spans="1:21" ht="30.75" customHeight="1" x14ac:dyDescent="0.2">
      <c r="A51" s="48"/>
      <c r="B51" s="1182"/>
      <c r="C51" s="1183"/>
      <c r="D51" s="66"/>
      <c r="E51" s="1157" t="s">
        <v>17</v>
      </c>
      <c r="F51" s="1157"/>
      <c r="G51" s="1157"/>
      <c r="H51" s="1157"/>
      <c r="I51" s="1157"/>
      <c r="J51" s="1158"/>
      <c r="K51" s="63" t="s">
        <v>525</v>
      </c>
      <c r="L51" s="64" t="s">
        <v>525</v>
      </c>
      <c r="M51" s="64" t="s">
        <v>525</v>
      </c>
      <c r="N51" s="64" t="s">
        <v>525</v>
      </c>
      <c r="O51" s="65" t="s">
        <v>525</v>
      </c>
      <c r="P51" s="48"/>
      <c r="Q51" s="48"/>
      <c r="R51" s="48"/>
      <c r="S51" s="48"/>
      <c r="T51" s="48"/>
      <c r="U51" s="48"/>
    </row>
    <row r="52" spans="1:21" ht="30.75" customHeight="1" x14ac:dyDescent="0.2">
      <c r="A52" s="48"/>
      <c r="B52" s="1155" t="s">
        <v>18</v>
      </c>
      <c r="C52" s="1156"/>
      <c r="D52" s="66"/>
      <c r="E52" s="1157" t="s">
        <v>19</v>
      </c>
      <c r="F52" s="1157"/>
      <c r="G52" s="1157"/>
      <c r="H52" s="1157"/>
      <c r="I52" s="1157"/>
      <c r="J52" s="1158"/>
      <c r="K52" s="63">
        <v>2573</v>
      </c>
      <c r="L52" s="64">
        <v>2485</v>
      </c>
      <c r="M52" s="64">
        <v>2391</v>
      </c>
      <c r="N52" s="64">
        <v>2320</v>
      </c>
      <c r="O52" s="65">
        <v>2187</v>
      </c>
      <c r="P52" s="48"/>
      <c r="Q52" s="48"/>
      <c r="R52" s="48"/>
      <c r="S52" s="48"/>
      <c r="T52" s="48"/>
      <c r="U52" s="48"/>
    </row>
    <row r="53" spans="1:21" ht="30.75" customHeight="1" thickBot="1" x14ac:dyDescent="0.25">
      <c r="A53" s="48"/>
      <c r="B53" s="1159" t="s">
        <v>20</v>
      </c>
      <c r="C53" s="1160"/>
      <c r="D53" s="67"/>
      <c r="E53" s="1161" t="s">
        <v>21</v>
      </c>
      <c r="F53" s="1161"/>
      <c r="G53" s="1161"/>
      <c r="H53" s="1161"/>
      <c r="I53" s="1161"/>
      <c r="J53" s="1162"/>
      <c r="K53" s="68">
        <v>88</v>
      </c>
      <c r="L53" s="69">
        <v>119</v>
      </c>
      <c r="M53" s="69">
        <v>105</v>
      </c>
      <c r="N53" s="69">
        <v>22</v>
      </c>
      <c r="O53" s="70">
        <v>71</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82</v>
      </c>
      <c r="P56" s="48"/>
      <c r="Q56" s="48"/>
      <c r="R56" s="48"/>
      <c r="S56" s="48"/>
      <c r="T56" s="48"/>
      <c r="U56" s="48"/>
    </row>
    <row r="57" spans="1:21" ht="31.5" customHeight="1" thickBot="1" x14ac:dyDescent="0.25">
      <c r="A57" s="48"/>
      <c r="B57" s="76"/>
      <c r="C57" s="77"/>
      <c r="D57" s="77"/>
      <c r="E57" s="78"/>
      <c r="F57" s="78"/>
      <c r="G57" s="78"/>
      <c r="H57" s="78"/>
      <c r="I57" s="78"/>
      <c r="J57" s="79" t="s">
        <v>2</v>
      </c>
      <c r="K57" s="80" t="s">
        <v>583</v>
      </c>
      <c r="L57" s="81" t="s">
        <v>584</v>
      </c>
      <c r="M57" s="81" t="s">
        <v>585</v>
      </c>
      <c r="N57" s="81" t="s">
        <v>586</v>
      </c>
      <c r="O57" s="82" t="s">
        <v>587</v>
      </c>
      <c r="P57" s="48"/>
      <c r="Q57" s="48"/>
      <c r="R57" s="48"/>
      <c r="S57" s="48"/>
      <c r="T57" s="48"/>
      <c r="U57" s="48"/>
    </row>
    <row r="58" spans="1:21" ht="31.5" customHeight="1" x14ac:dyDescent="0.2">
      <c r="B58" s="1163" t="s">
        <v>25</v>
      </c>
      <c r="C58" s="1164"/>
      <c r="D58" s="1169" t="s">
        <v>26</v>
      </c>
      <c r="E58" s="1170"/>
      <c r="F58" s="1170"/>
      <c r="G58" s="1170"/>
      <c r="H58" s="1170"/>
      <c r="I58" s="1170"/>
      <c r="J58" s="1171"/>
      <c r="K58" s="83"/>
      <c r="L58" s="84"/>
      <c r="M58" s="84"/>
      <c r="N58" s="84"/>
      <c r="O58" s="85"/>
    </row>
    <row r="59" spans="1:21" ht="31.5" customHeight="1" x14ac:dyDescent="0.2">
      <c r="B59" s="1165"/>
      <c r="C59" s="1166"/>
      <c r="D59" s="1172" t="s">
        <v>27</v>
      </c>
      <c r="E59" s="1173"/>
      <c r="F59" s="1173"/>
      <c r="G59" s="1173"/>
      <c r="H59" s="1173"/>
      <c r="I59" s="1173"/>
      <c r="J59" s="1174"/>
      <c r="K59" s="86"/>
      <c r="L59" s="87"/>
      <c r="M59" s="87"/>
      <c r="N59" s="87"/>
      <c r="O59" s="88"/>
    </row>
    <row r="60" spans="1:21" ht="31.5" customHeight="1" thickBot="1" x14ac:dyDescent="0.25">
      <c r="B60" s="1167"/>
      <c r="C60" s="1168"/>
      <c r="D60" s="1175" t="s">
        <v>28</v>
      </c>
      <c r="E60" s="1176"/>
      <c r="F60" s="1176"/>
      <c r="G60" s="1176"/>
      <c r="H60" s="1176"/>
      <c r="I60" s="1176"/>
      <c r="J60" s="1177"/>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6zPpDb30i/SFR5H6eC6xFKsx6jFoNRMfeW2HCjY3zKBB/kdalW9BTPy9jg8SfLPx8givAHJkRYY9IOVuuuq2sA==" saltValue="+VePq4asGTXi2yvMOu3T9A=="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66</v>
      </c>
      <c r="J40" s="103" t="s">
        <v>567</v>
      </c>
      <c r="K40" s="103" t="s">
        <v>568</v>
      </c>
      <c r="L40" s="103" t="s">
        <v>569</v>
      </c>
      <c r="M40" s="104" t="s">
        <v>570</v>
      </c>
    </row>
    <row r="41" spans="2:13" ht="27.75" customHeight="1" x14ac:dyDescent="0.2">
      <c r="B41" s="1198" t="s">
        <v>31</v>
      </c>
      <c r="C41" s="1199"/>
      <c r="D41" s="105"/>
      <c r="E41" s="1200" t="s">
        <v>32</v>
      </c>
      <c r="F41" s="1200"/>
      <c r="G41" s="1200"/>
      <c r="H41" s="1201"/>
      <c r="I41" s="355">
        <v>20288</v>
      </c>
      <c r="J41" s="356">
        <v>19601</v>
      </c>
      <c r="K41" s="356">
        <v>18551</v>
      </c>
      <c r="L41" s="356">
        <v>18031</v>
      </c>
      <c r="M41" s="357">
        <v>16227</v>
      </c>
    </row>
    <row r="42" spans="2:13" ht="27.75" customHeight="1" x14ac:dyDescent="0.2">
      <c r="B42" s="1188"/>
      <c r="C42" s="1189"/>
      <c r="D42" s="106"/>
      <c r="E42" s="1192" t="s">
        <v>33</v>
      </c>
      <c r="F42" s="1192"/>
      <c r="G42" s="1192"/>
      <c r="H42" s="1193"/>
      <c r="I42" s="358">
        <v>24</v>
      </c>
      <c r="J42" s="359">
        <v>16</v>
      </c>
      <c r="K42" s="359">
        <v>8</v>
      </c>
      <c r="L42" s="359" t="s">
        <v>525</v>
      </c>
      <c r="M42" s="360">
        <v>129</v>
      </c>
    </row>
    <row r="43" spans="2:13" ht="27.75" customHeight="1" x14ac:dyDescent="0.2">
      <c r="B43" s="1188"/>
      <c r="C43" s="1189"/>
      <c r="D43" s="106"/>
      <c r="E43" s="1192" t="s">
        <v>34</v>
      </c>
      <c r="F43" s="1192"/>
      <c r="G43" s="1192"/>
      <c r="H43" s="1193"/>
      <c r="I43" s="358">
        <v>3148</v>
      </c>
      <c r="J43" s="359">
        <v>3117</v>
      </c>
      <c r="K43" s="359">
        <v>2877</v>
      </c>
      <c r="L43" s="359">
        <v>2639</v>
      </c>
      <c r="M43" s="360">
        <v>1914</v>
      </c>
    </row>
    <row r="44" spans="2:13" ht="27.75" customHeight="1" x14ac:dyDescent="0.2">
      <c r="B44" s="1188"/>
      <c r="C44" s="1189"/>
      <c r="D44" s="106"/>
      <c r="E44" s="1192" t="s">
        <v>35</v>
      </c>
      <c r="F44" s="1192"/>
      <c r="G44" s="1192"/>
      <c r="H44" s="1193"/>
      <c r="I44" s="358">
        <v>59</v>
      </c>
      <c r="J44" s="359">
        <v>22</v>
      </c>
      <c r="K44" s="359">
        <v>7</v>
      </c>
      <c r="L44" s="359">
        <v>6</v>
      </c>
      <c r="M44" s="360">
        <v>5</v>
      </c>
    </row>
    <row r="45" spans="2:13" ht="27.75" customHeight="1" x14ac:dyDescent="0.2">
      <c r="B45" s="1188"/>
      <c r="C45" s="1189"/>
      <c r="D45" s="106"/>
      <c r="E45" s="1192" t="s">
        <v>36</v>
      </c>
      <c r="F45" s="1192"/>
      <c r="G45" s="1192"/>
      <c r="H45" s="1193"/>
      <c r="I45" s="358">
        <v>5468</v>
      </c>
      <c r="J45" s="359">
        <v>5312</v>
      </c>
      <c r="K45" s="359">
        <v>5067</v>
      </c>
      <c r="L45" s="359">
        <v>4983</v>
      </c>
      <c r="M45" s="360">
        <v>4881</v>
      </c>
    </row>
    <row r="46" spans="2:13" ht="27.75" customHeight="1" x14ac:dyDescent="0.2">
      <c r="B46" s="1188"/>
      <c r="C46" s="1189"/>
      <c r="D46" s="107"/>
      <c r="E46" s="1192" t="s">
        <v>37</v>
      </c>
      <c r="F46" s="1192"/>
      <c r="G46" s="1192"/>
      <c r="H46" s="1193"/>
      <c r="I46" s="358" t="s">
        <v>525</v>
      </c>
      <c r="J46" s="359" t="s">
        <v>525</v>
      </c>
      <c r="K46" s="359" t="s">
        <v>525</v>
      </c>
      <c r="L46" s="359" t="s">
        <v>525</v>
      </c>
      <c r="M46" s="360" t="s">
        <v>525</v>
      </c>
    </row>
    <row r="47" spans="2:13" ht="27.75" customHeight="1" x14ac:dyDescent="0.2">
      <c r="B47" s="1188"/>
      <c r="C47" s="1189"/>
      <c r="D47" s="108"/>
      <c r="E47" s="1202" t="s">
        <v>38</v>
      </c>
      <c r="F47" s="1203"/>
      <c r="G47" s="1203"/>
      <c r="H47" s="1204"/>
      <c r="I47" s="358" t="s">
        <v>525</v>
      </c>
      <c r="J47" s="359" t="s">
        <v>525</v>
      </c>
      <c r="K47" s="359" t="s">
        <v>525</v>
      </c>
      <c r="L47" s="359" t="s">
        <v>525</v>
      </c>
      <c r="M47" s="360" t="s">
        <v>525</v>
      </c>
    </row>
    <row r="48" spans="2:13" ht="27.75" customHeight="1" x14ac:dyDescent="0.2">
      <c r="B48" s="1188"/>
      <c r="C48" s="1189"/>
      <c r="D48" s="106"/>
      <c r="E48" s="1192" t="s">
        <v>39</v>
      </c>
      <c r="F48" s="1192"/>
      <c r="G48" s="1192"/>
      <c r="H48" s="1193"/>
      <c r="I48" s="358" t="s">
        <v>525</v>
      </c>
      <c r="J48" s="359" t="s">
        <v>525</v>
      </c>
      <c r="K48" s="359" t="s">
        <v>525</v>
      </c>
      <c r="L48" s="359" t="s">
        <v>525</v>
      </c>
      <c r="M48" s="360" t="s">
        <v>525</v>
      </c>
    </row>
    <row r="49" spans="2:13" ht="27.75" customHeight="1" x14ac:dyDescent="0.2">
      <c r="B49" s="1190"/>
      <c r="C49" s="1191"/>
      <c r="D49" s="106"/>
      <c r="E49" s="1192" t="s">
        <v>40</v>
      </c>
      <c r="F49" s="1192"/>
      <c r="G49" s="1192"/>
      <c r="H49" s="1193"/>
      <c r="I49" s="358" t="s">
        <v>525</v>
      </c>
      <c r="J49" s="359" t="s">
        <v>525</v>
      </c>
      <c r="K49" s="359" t="s">
        <v>525</v>
      </c>
      <c r="L49" s="359" t="s">
        <v>525</v>
      </c>
      <c r="M49" s="360" t="s">
        <v>525</v>
      </c>
    </row>
    <row r="50" spans="2:13" ht="27.75" customHeight="1" x14ac:dyDescent="0.2">
      <c r="B50" s="1186" t="s">
        <v>41</v>
      </c>
      <c r="C50" s="1187"/>
      <c r="D50" s="109"/>
      <c r="E50" s="1192" t="s">
        <v>42</v>
      </c>
      <c r="F50" s="1192"/>
      <c r="G50" s="1192"/>
      <c r="H50" s="1193"/>
      <c r="I50" s="358">
        <v>11549</v>
      </c>
      <c r="J50" s="359">
        <v>12820</v>
      </c>
      <c r="K50" s="359">
        <v>13523</v>
      </c>
      <c r="L50" s="359">
        <v>16576</v>
      </c>
      <c r="M50" s="360">
        <v>17047</v>
      </c>
    </row>
    <row r="51" spans="2:13" ht="27.75" customHeight="1" x14ac:dyDescent="0.2">
      <c r="B51" s="1188"/>
      <c r="C51" s="1189"/>
      <c r="D51" s="106"/>
      <c r="E51" s="1192" t="s">
        <v>43</v>
      </c>
      <c r="F51" s="1192"/>
      <c r="G51" s="1192"/>
      <c r="H51" s="1193"/>
      <c r="I51" s="358">
        <v>6332</v>
      </c>
      <c r="J51" s="359">
        <v>6044</v>
      </c>
      <c r="K51" s="359">
        <v>5990</v>
      </c>
      <c r="L51" s="359">
        <v>5788</v>
      </c>
      <c r="M51" s="360">
        <v>4309</v>
      </c>
    </row>
    <row r="52" spans="2:13" ht="27.75" customHeight="1" x14ac:dyDescent="0.2">
      <c r="B52" s="1190"/>
      <c r="C52" s="1191"/>
      <c r="D52" s="106"/>
      <c r="E52" s="1192" t="s">
        <v>44</v>
      </c>
      <c r="F52" s="1192"/>
      <c r="G52" s="1192"/>
      <c r="H52" s="1193"/>
      <c r="I52" s="358">
        <v>16332</v>
      </c>
      <c r="J52" s="359">
        <v>15399</v>
      </c>
      <c r="K52" s="359">
        <v>14539</v>
      </c>
      <c r="L52" s="359">
        <v>14059</v>
      </c>
      <c r="M52" s="360">
        <v>12744</v>
      </c>
    </row>
    <row r="53" spans="2:13" ht="27.75" customHeight="1" thickBot="1" x14ac:dyDescent="0.25">
      <c r="B53" s="1194" t="s">
        <v>45</v>
      </c>
      <c r="C53" s="1195"/>
      <c r="D53" s="110"/>
      <c r="E53" s="1196" t="s">
        <v>46</v>
      </c>
      <c r="F53" s="1196"/>
      <c r="G53" s="1196"/>
      <c r="H53" s="1197"/>
      <c r="I53" s="361">
        <v>-5225</v>
      </c>
      <c r="J53" s="362">
        <v>-6195</v>
      </c>
      <c r="K53" s="362">
        <v>-7542</v>
      </c>
      <c r="L53" s="362">
        <v>-10763</v>
      </c>
      <c r="M53" s="363">
        <v>-10943</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MnhQ/N0gA61+IXBy11AwD8ySMPYra5NnJ168rps+ItiiRUaTUXbsvCpQMq1T95TGx5J1kOhb3FYvWFPye784Bg==" saltValue="RxzZJTI1lVRMb3txaNi3v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68</v>
      </c>
      <c r="G54" s="119" t="s">
        <v>569</v>
      </c>
      <c r="H54" s="120" t="s">
        <v>570</v>
      </c>
    </row>
    <row r="55" spans="2:8" ht="52.5" customHeight="1" x14ac:dyDescent="0.2">
      <c r="B55" s="121"/>
      <c r="C55" s="1213" t="s">
        <v>49</v>
      </c>
      <c r="D55" s="1213"/>
      <c r="E55" s="1214"/>
      <c r="F55" s="122">
        <v>5838</v>
      </c>
      <c r="G55" s="122">
        <v>8555</v>
      </c>
      <c r="H55" s="123">
        <v>7855</v>
      </c>
    </row>
    <row r="56" spans="2:8" ht="52.5" customHeight="1" x14ac:dyDescent="0.2">
      <c r="B56" s="124"/>
      <c r="C56" s="1215" t="s">
        <v>50</v>
      </c>
      <c r="D56" s="1215"/>
      <c r="E56" s="1216"/>
      <c r="F56" s="125" t="s">
        <v>525</v>
      </c>
      <c r="G56" s="125" t="s">
        <v>525</v>
      </c>
      <c r="H56" s="126" t="s">
        <v>525</v>
      </c>
    </row>
    <row r="57" spans="2:8" ht="53.25" customHeight="1" x14ac:dyDescent="0.2">
      <c r="B57" s="124"/>
      <c r="C57" s="1217" t="s">
        <v>51</v>
      </c>
      <c r="D57" s="1217"/>
      <c r="E57" s="1218"/>
      <c r="F57" s="127">
        <v>7234</v>
      </c>
      <c r="G57" s="127">
        <v>7638</v>
      </c>
      <c r="H57" s="128">
        <v>9064</v>
      </c>
    </row>
    <row r="58" spans="2:8" ht="45.75" customHeight="1" x14ac:dyDescent="0.2">
      <c r="B58" s="129"/>
      <c r="C58" s="1205" t="s">
        <v>600</v>
      </c>
      <c r="D58" s="1206"/>
      <c r="E58" s="1207"/>
      <c r="F58" s="130">
        <v>5561</v>
      </c>
      <c r="G58" s="130">
        <v>5896</v>
      </c>
      <c r="H58" s="131">
        <v>7412</v>
      </c>
    </row>
    <row r="59" spans="2:8" ht="45.75" customHeight="1" x14ac:dyDescent="0.2">
      <c r="B59" s="129"/>
      <c r="C59" s="1205" t="s">
        <v>601</v>
      </c>
      <c r="D59" s="1206"/>
      <c r="E59" s="1207"/>
      <c r="F59" s="130">
        <v>887</v>
      </c>
      <c r="G59" s="130">
        <v>1042</v>
      </c>
      <c r="H59" s="131">
        <v>1043</v>
      </c>
    </row>
    <row r="60" spans="2:8" ht="45.75" customHeight="1" x14ac:dyDescent="0.2">
      <c r="B60" s="129"/>
      <c r="C60" s="1205" t="s">
        <v>602</v>
      </c>
      <c r="D60" s="1206"/>
      <c r="E60" s="1207"/>
      <c r="F60" s="130">
        <v>322</v>
      </c>
      <c r="G60" s="130">
        <v>323</v>
      </c>
      <c r="H60" s="131">
        <v>323</v>
      </c>
    </row>
    <row r="61" spans="2:8" ht="45.75" customHeight="1" x14ac:dyDescent="0.2">
      <c r="B61" s="129"/>
      <c r="C61" s="1205" t="s">
        <v>603</v>
      </c>
      <c r="D61" s="1206"/>
      <c r="E61" s="1207"/>
      <c r="F61" s="130">
        <v>253</v>
      </c>
      <c r="G61" s="130">
        <v>232</v>
      </c>
      <c r="H61" s="131">
        <v>211</v>
      </c>
    </row>
    <row r="62" spans="2:8" ht="45.75" customHeight="1" thickBot="1" x14ac:dyDescent="0.25">
      <c r="B62" s="132"/>
      <c r="C62" s="1208" t="s">
        <v>604</v>
      </c>
      <c r="D62" s="1209"/>
      <c r="E62" s="1210"/>
      <c r="F62" s="133">
        <v>75</v>
      </c>
      <c r="G62" s="133">
        <v>76</v>
      </c>
      <c r="H62" s="134">
        <v>74</v>
      </c>
    </row>
    <row r="63" spans="2:8" ht="52.5" customHeight="1" thickBot="1" x14ac:dyDescent="0.25">
      <c r="B63" s="135"/>
      <c r="C63" s="1211" t="s">
        <v>52</v>
      </c>
      <c r="D63" s="1211"/>
      <c r="E63" s="1212"/>
      <c r="F63" s="136">
        <v>13072</v>
      </c>
      <c r="G63" s="136">
        <v>16193</v>
      </c>
      <c r="H63" s="137">
        <v>16919</v>
      </c>
    </row>
    <row r="64" spans="2:8" ht="13.2" x14ac:dyDescent="0.2"/>
  </sheetData>
  <sheetProtection algorithmName="SHA-512" hashValue="lNA9uD6At5wCEzzTNIhSGvK8Um17k8nE9fOLz6YgX94PbULyEpuZz7kLNkRqtk8q5jCti8d7zzwEcBjSkWSB5g==" saltValue="wieWmO1wV7Behi9n/VrWJ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63</v>
      </c>
      <c r="G2" s="151"/>
      <c r="H2" s="152"/>
    </row>
    <row r="3" spans="1:8" x14ac:dyDescent="0.2">
      <c r="A3" s="148" t="s">
        <v>556</v>
      </c>
      <c r="B3" s="153"/>
      <c r="C3" s="154"/>
      <c r="D3" s="155">
        <v>38629</v>
      </c>
      <c r="E3" s="156"/>
      <c r="F3" s="157">
        <v>43226</v>
      </c>
      <c r="G3" s="158"/>
      <c r="H3" s="159"/>
    </row>
    <row r="4" spans="1:8" x14ac:dyDescent="0.2">
      <c r="A4" s="160"/>
      <c r="B4" s="161"/>
      <c r="C4" s="162"/>
      <c r="D4" s="163">
        <v>21858</v>
      </c>
      <c r="E4" s="164"/>
      <c r="F4" s="165">
        <v>22622</v>
      </c>
      <c r="G4" s="166"/>
      <c r="H4" s="167"/>
    </row>
    <row r="5" spans="1:8" x14ac:dyDescent="0.2">
      <c r="A5" s="148" t="s">
        <v>558</v>
      </c>
      <c r="B5" s="153"/>
      <c r="C5" s="154"/>
      <c r="D5" s="155">
        <v>48391</v>
      </c>
      <c r="E5" s="156"/>
      <c r="F5" s="157">
        <v>42836</v>
      </c>
      <c r="G5" s="158"/>
      <c r="H5" s="159"/>
    </row>
    <row r="6" spans="1:8" x14ac:dyDescent="0.2">
      <c r="A6" s="160"/>
      <c r="B6" s="161"/>
      <c r="C6" s="162"/>
      <c r="D6" s="163">
        <v>26167</v>
      </c>
      <c r="E6" s="164"/>
      <c r="F6" s="165">
        <v>22936</v>
      </c>
      <c r="G6" s="166"/>
      <c r="H6" s="167"/>
    </row>
    <row r="7" spans="1:8" x14ac:dyDescent="0.2">
      <c r="A7" s="148" t="s">
        <v>559</v>
      </c>
      <c r="B7" s="153"/>
      <c r="C7" s="154"/>
      <c r="D7" s="155">
        <v>20287</v>
      </c>
      <c r="E7" s="156"/>
      <c r="F7" s="157">
        <v>44161</v>
      </c>
      <c r="G7" s="158"/>
      <c r="H7" s="159"/>
    </row>
    <row r="8" spans="1:8" x14ac:dyDescent="0.2">
      <c r="A8" s="160"/>
      <c r="B8" s="161"/>
      <c r="C8" s="162"/>
      <c r="D8" s="163">
        <v>13734</v>
      </c>
      <c r="E8" s="164"/>
      <c r="F8" s="165">
        <v>23644</v>
      </c>
      <c r="G8" s="166"/>
      <c r="H8" s="167"/>
    </row>
    <row r="9" spans="1:8" x14ac:dyDescent="0.2">
      <c r="A9" s="148" t="s">
        <v>560</v>
      </c>
      <c r="B9" s="153"/>
      <c r="C9" s="154"/>
      <c r="D9" s="155">
        <v>22876</v>
      </c>
      <c r="E9" s="156"/>
      <c r="F9" s="157">
        <v>43955</v>
      </c>
      <c r="G9" s="158"/>
      <c r="H9" s="159"/>
    </row>
    <row r="10" spans="1:8" x14ac:dyDescent="0.2">
      <c r="A10" s="160"/>
      <c r="B10" s="161"/>
      <c r="C10" s="162"/>
      <c r="D10" s="163">
        <v>14617</v>
      </c>
      <c r="E10" s="164"/>
      <c r="F10" s="165">
        <v>21318</v>
      </c>
      <c r="G10" s="166"/>
      <c r="H10" s="167"/>
    </row>
    <row r="11" spans="1:8" x14ac:dyDescent="0.2">
      <c r="A11" s="148" t="s">
        <v>561</v>
      </c>
      <c r="B11" s="153"/>
      <c r="C11" s="154"/>
      <c r="D11" s="155">
        <v>26480</v>
      </c>
      <c r="E11" s="156"/>
      <c r="F11" s="157">
        <v>41921</v>
      </c>
      <c r="G11" s="158"/>
      <c r="H11" s="159"/>
    </row>
    <row r="12" spans="1:8" x14ac:dyDescent="0.2">
      <c r="A12" s="160"/>
      <c r="B12" s="161"/>
      <c r="C12" s="168"/>
      <c r="D12" s="163">
        <v>15966</v>
      </c>
      <c r="E12" s="164"/>
      <c r="F12" s="165">
        <v>21655</v>
      </c>
      <c r="G12" s="166"/>
      <c r="H12" s="167"/>
    </row>
    <row r="13" spans="1:8" x14ac:dyDescent="0.2">
      <c r="A13" s="148"/>
      <c r="B13" s="153"/>
      <c r="C13" s="169"/>
      <c r="D13" s="170">
        <v>31333</v>
      </c>
      <c r="E13" s="171"/>
      <c r="F13" s="172">
        <v>43220</v>
      </c>
      <c r="G13" s="173"/>
      <c r="H13" s="159"/>
    </row>
    <row r="14" spans="1:8" x14ac:dyDescent="0.2">
      <c r="A14" s="160"/>
      <c r="B14" s="161"/>
      <c r="C14" s="162"/>
      <c r="D14" s="163">
        <v>18468</v>
      </c>
      <c r="E14" s="164"/>
      <c r="F14" s="165">
        <v>22435</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8.8800000000000008</v>
      </c>
      <c r="C19" s="174">
        <f>ROUND(VALUE(SUBSTITUTE(実質収支比率等に係る経年分析!G$48,"▲","-")),2)</f>
        <v>6.09</v>
      </c>
      <c r="D19" s="174">
        <f>ROUND(VALUE(SUBSTITUTE(実質収支比率等に係る経年分析!H$48,"▲","-")),2)</f>
        <v>7.2</v>
      </c>
      <c r="E19" s="174">
        <f>ROUND(VALUE(SUBSTITUTE(実質収支比率等に係る経年分析!I$48,"▲","-")),2)</f>
        <v>14.09</v>
      </c>
      <c r="F19" s="174">
        <f>ROUND(VALUE(SUBSTITUTE(実質収支比率等に係る経年分析!J$48,"▲","-")),2)</f>
        <v>10.35</v>
      </c>
    </row>
    <row r="20" spans="1:11" x14ac:dyDescent="0.2">
      <c r="A20" s="174" t="s">
        <v>56</v>
      </c>
      <c r="B20" s="174">
        <f>ROUND(VALUE(SUBSTITUTE(実質収支比率等に係る経年分析!F$47,"▲","-")),2)</f>
        <v>21.63</v>
      </c>
      <c r="C20" s="174">
        <f>ROUND(VALUE(SUBSTITUTE(実質収支比率等に係る経年分析!G$47,"▲","-")),2)</f>
        <v>23.75</v>
      </c>
      <c r="D20" s="174">
        <f>ROUND(VALUE(SUBSTITUTE(実質収支比率等に係る経年分析!H$47,"▲","-")),2)</f>
        <v>26.61</v>
      </c>
      <c r="E20" s="174">
        <f>ROUND(VALUE(SUBSTITUTE(実質収支比率等に係る経年分析!I$47,"▲","-")),2)</f>
        <v>37.200000000000003</v>
      </c>
      <c r="F20" s="174">
        <f>ROUND(VALUE(SUBSTITUTE(実質収支比率等に係る経年分析!J$47,"▲","-")),2)</f>
        <v>34.18</v>
      </c>
    </row>
    <row r="21" spans="1:11" x14ac:dyDescent="0.2">
      <c r="A21" s="174" t="s">
        <v>57</v>
      </c>
      <c r="B21" s="174">
        <f>IF(ISNUMBER(VALUE(SUBSTITUTE(実質収支比率等に係る経年分析!F$49,"▲","-"))),ROUND(VALUE(SUBSTITUTE(実質収支比率等に係る経年分析!F$49,"▲","-")),2),NA())</f>
        <v>6.7</v>
      </c>
      <c r="C21" s="174">
        <f>IF(ISNUMBER(VALUE(SUBSTITUTE(実質収支比率等に係る経年分析!G$49,"▲","-"))),ROUND(VALUE(SUBSTITUTE(実質収支比率等に係る経年分析!G$49,"▲","-")),2),NA())</f>
        <v>-0.5</v>
      </c>
      <c r="D21" s="174">
        <f>IF(ISNUMBER(VALUE(SUBSTITUTE(実質収支比率等に係る経年分析!H$49,"▲","-"))),ROUND(VALUE(SUBSTITUTE(実質収支比率等に係る経年分析!H$49,"▲","-")),2),NA())</f>
        <v>4.37</v>
      </c>
      <c r="E21" s="174">
        <f>IF(ISNUMBER(VALUE(SUBSTITUTE(実質収支比率等に係る経年分析!I$49,"▲","-"))),ROUND(VALUE(SUBSTITUTE(実質収支比率等に係る経年分析!I$49,"▲","-")),2),NA())</f>
        <v>19.03</v>
      </c>
      <c r="F21" s="174">
        <f>IF(ISNUMBER(VALUE(SUBSTITUTE(実質収支比率等に係る経年分析!J$49,"▲","-"))),ROUND(VALUE(SUBSTITUTE(実質収支比率等に係る経年分析!J$49,"▲","-")),2),NA())</f>
        <v>-6.79</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1.1499999999999999</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97</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str">
        <f>IF(連結実質赤字比率に係る赤字・黒字の構成分析!C$40="",NA(),連結実質赤字比率に係る赤字・黒字の構成分析!C$40)</f>
        <v>中神土地区画整理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21</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21</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14000000000000001</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25</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21</v>
      </c>
    </row>
    <row r="31" spans="1:11" x14ac:dyDescent="0.2">
      <c r="A31" s="175" t="str">
        <f>IF(連結実質赤字比率に係る赤字・黒字の構成分析!C$39="",NA(),連結実質赤字比率に係る赤字・黒字の構成分析!C$39)</f>
        <v>後期高齢者医療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15</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12</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13</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26</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24</v>
      </c>
    </row>
    <row r="32" spans="1:11" x14ac:dyDescent="0.2">
      <c r="A32" s="175" t="str">
        <f>IF(連結実質赤字比率に係る赤字・黒字の構成分析!C$38="",NA(),連結実質赤字比率に係る赤字・黒字の構成分析!C$38)</f>
        <v>国民健康保険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1.52</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1.04</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1.4</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1.22</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1.2</v>
      </c>
    </row>
    <row r="33" spans="1:16" x14ac:dyDescent="0.2">
      <c r="A33" s="175" t="str">
        <f>IF(連結実質赤字比率に係る赤字・黒字の構成分析!C$37="",NA(),連結実質赤字比率に係る赤字・黒字の構成分析!C$37)</f>
        <v>介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75</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81</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46</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23</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59</v>
      </c>
    </row>
    <row r="34" spans="1:16" x14ac:dyDescent="0.2">
      <c r="A34" s="175" t="str">
        <f>IF(連結実質赤字比率に係る赤字・黒字の構成分析!C$36="",NA(),連結実質赤字比率に係る赤字・黒字の構成分析!C$36)</f>
        <v>下水道事業会計</v>
      </c>
      <c r="B34" s="175" t="e">
        <f>IF(ROUND(VALUE(SUBSTITUTE(連結実質赤字比率に係る赤字・黒字の構成分析!F$36,"▲", "-")), 2) &lt; 0, ABS(ROUND(VALUE(SUBSTITUTE(連結実質赤字比率に係る赤字・黒字の構成分析!F$36,"▲", "-")), 2)), NA())</f>
        <v>#VALUE!</v>
      </c>
      <c r="C34" s="175" t="e">
        <f>IF(ROUND(VALUE(SUBSTITUTE(連結実質赤字比率に係る赤字・黒字の構成分析!F$36,"▲", "-")), 2) &gt;= 0, ABS(ROUND(VALUE(SUBSTITUTE(連結実質赤字比率に係る赤字・黒字の構成分析!F$36,"▲", "-")), 2)), NA())</f>
        <v>#VALUE!</v>
      </c>
      <c r="D34" s="175" t="e">
        <f>IF(ROUND(VALUE(SUBSTITUTE(連結実質赤字比率に係る赤字・黒字の構成分析!G$36,"▲", "-")), 2) &lt; 0, ABS(ROUND(VALUE(SUBSTITUTE(連結実質赤字比率に係る赤字・黒字の構成分析!G$36,"▲", "-")), 2)), NA())</f>
        <v>#VALUE!</v>
      </c>
      <c r="E34" s="175" t="e">
        <f>IF(ROUND(VALUE(SUBSTITUTE(連結実質赤字比率に係る赤字・黒字の構成分析!G$36,"▲", "-")), 2) &gt;= 0, ABS(ROUND(VALUE(SUBSTITUTE(連結実質赤字比率に係る赤字・黒字の構成分析!G$36,"▲", "-")), 2)), NA())</f>
        <v>#VALUE!</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81</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3.73</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4.49</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8.8699999999999992</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6.09</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7.19</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4.08</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0.34</v>
      </c>
    </row>
    <row r="36" spans="1:16" x14ac:dyDescent="0.2">
      <c r="A36" s="175" t="str">
        <f>IF(連結実質赤字比率に係る赤字・黒字の構成分析!C$34="",NA(),連結実質赤字比率に係る赤字・黒字の構成分析!C$34)</f>
        <v>水道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0.75</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3.17</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2.27</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3.0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4.37</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2573</v>
      </c>
      <c r="E42" s="176"/>
      <c r="F42" s="176"/>
      <c r="G42" s="176">
        <f>'実質公債費比率（分子）の構造'!L$52</f>
        <v>2485</v>
      </c>
      <c r="H42" s="176"/>
      <c r="I42" s="176"/>
      <c r="J42" s="176">
        <f>'実質公債費比率（分子）の構造'!M$52</f>
        <v>2391</v>
      </c>
      <c r="K42" s="176"/>
      <c r="L42" s="176"/>
      <c r="M42" s="176">
        <f>'実質公債費比率（分子）の構造'!N$52</f>
        <v>2320</v>
      </c>
      <c r="N42" s="176"/>
      <c r="O42" s="176"/>
      <c r="P42" s="176">
        <f>'実質公債費比率（分子）の構造'!O$52</f>
        <v>2187</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8</v>
      </c>
      <c r="C44" s="176"/>
      <c r="D44" s="176"/>
      <c r="E44" s="176">
        <f>'実質公債費比率（分子）の構造'!L$50</f>
        <v>8</v>
      </c>
      <c r="F44" s="176"/>
      <c r="G44" s="176"/>
      <c r="H44" s="176">
        <f>'実質公債費比率（分子）の構造'!M$50</f>
        <v>8</v>
      </c>
      <c r="I44" s="176"/>
      <c r="J44" s="176"/>
      <c r="K44" s="176">
        <f>'実質公債費比率（分子）の構造'!N$50</f>
        <v>8</v>
      </c>
      <c r="L44" s="176"/>
      <c r="M44" s="176"/>
      <c r="N44" s="176" t="str">
        <f>'実質公債費比率（分子）の構造'!O$50</f>
        <v>-</v>
      </c>
      <c r="O44" s="176"/>
      <c r="P44" s="176"/>
    </row>
    <row r="45" spans="1:16" x14ac:dyDescent="0.2">
      <c r="A45" s="176" t="s">
        <v>67</v>
      </c>
      <c r="B45" s="176">
        <f>'実質公債費比率（分子）の構造'!K$49</f>
        <v>50</v>
      </c>
      <c r="C45" s="176"/>
      <c r="D45" s="176"/>
      <c r="E45" s="176">
        <f>'実質公債費比率（分子）の構造'!L$49</f>
        <v>34</v>
      </c>
      <c r="F45" s="176"/>
      <c r="G45" s="176"/>
      <c r="H45" s="176">
        <f>'実質公債費比率（分子）の構造'!M$49</f>
        <v>14</v>
      </c>
      <c r="I45" s="176"/>
      <c r="J45" s="176"/>
      <c r="K45" s="176">
        <f>'実質公債費比率（分子）の構造'!N$49</f>
        <v>1</v>
      </c>
      <c r="L45" s="176"/>
      <c r="M45" s="176"/>
      <c r="N45" s="176">
        <f>'実質公債費比率（分子）の構造'!O$49</f>
        <v>1</v>
      </c>
      <c r="O45" s="176"/>
      <c r="P45" s="176"/>
    </row>
    <row r="46" spans="1:16" x14ac:dyDescent="0.2">
      <c r="A46" s="176" t="s">
        <v>68</v>
      </c>
      <c r="B46" s="176">
        <f>'実質公債費比率（分子）の構造'!K$48</f>
        <v>424</v>
      </c>
      <c r="C46" s="176"/>
      <c r="D46" s="176"/>
      <c r="E46" s="176">
        <f>'実質公債費比率（分子）の構造'!L$48</f>
        <v>437</v>
      </c>
      <c r="F46" s="176"/>
      <c r="G46" s="176"/>
      <c r="H46" s="176">
        <f>'実質公債費比率（分子）の構造'!M$48</f>
        <v>399</v>
      </c>
      <c r="I46" s="176"/>
      <c r="J46" s="176"/>
      <c r="K46" s="176">
        <f>'実質公債費比率（分子）の構造'!N$48</f>
        <v>372</v>
      </c>
      <c r="L46" s="176"/>
      <c r="M46" s="176"/>
      <c r="N46" s="176">
        <f>'実質公債費比率（分子）の構造'!O$48</f>
        <v>348</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2179</v>
      </c>
      <c r="C49" s="176"/>
      <c r="D49" s="176"/>
      <c r="E49" s="176">
        <f>'実質公債費比率（分子）の構造'!L$45</f>
        <v>2125</v>
      </c>
      <c r="F49" s="176"/>
      <c r="G49" s="176"/>
      <c r="H49" s="176">
        <f>'実質公債費比率（分子）の構造'!M$45</f>
        <v>2075</v>
      </c>
      <c r="I49" s="176"/>
      <c r="J49" s="176"/>
      <c r="K49" s="176">
        <f>'実質公債費比率（分子）の構造'!N$45</f>
        <v>1961</v>
      </c>
      <c r="L49" s="176"/>
      <c r="M49" s="176"/>
      <c r="N49" s="176">
        <f>'実質公債費比率（分子）の構造'!O$45</f>
        <v>1909</v>
      </c>
      <c r="O49" s="176"/>
      <c r="P49" s="176"/>
    </row>
    <row r="50" spans="1:16" x14ac:dyDescent="0.2">
      <c r="A50" s="176" t="s">
        <v>72</v>
      </c>
      <c r="B50" s="176" t="e">
        <f>NA()</f>
        <v>#N/A</v>
      </c>
      <c r="C50" s="176">
        <f>IF(ISNUMBER('実質公債費比率（分子）の構造'!K$53),'実質公債費比率（分子）の構造'!K$53,NA())</f>
        <v>88</v>
      </c>
      <c r="D50" s="176" t="e">
        <f>NA()</f>
        <v>#N/A</v>
      </c>
      <c r="E50" s="176" t="e">
        <f>NA()</f>
        <v>#N/A</v>
      </c>
      <c r="F50" s="176">
        <f>IF(ISNUMBER('実質公債費比率（分子）の構造'!L$53),'実質公債費比率（分子）の構造'!L$53,NA())</f>
        <v>119</v>
      </c>
      <c r="G50" s="176" t="e">
        <f>NA()</f>
        <v>#N/A</v>
      </c>
      <c r="H50" s="176" t="e">
        <f>NA()</f>
        <v>#N/A</v>
      </c>
      <c r="I50" s="176">
        <f>IF(ISNUMBER('実質公債費比率（分子）の構造'!M$53),'実質公債費比率（分子）の構造'!M$53,NA())</f>
        <v>105</v>
      </c>
      <c r="J50" s="176" t="e">
        <f>NA()</f>
        <v>#N/A</v>
      </c>
      <c r="K50" s="176" t="e">
        <f>NA()</f>
        <v>#N/A</v>
      </c>
      <c r="L50" s="176">
        <f>IF(ISNUMBER('実質公債費比率（分子）の構造'!N$53),'実質公債費比率（分子）の構造'!N$53,NA())</f>
        <v>22</v>
      </c>
      <c r="M50" s="176" t="e">
        <f>NA()</f>
        <v>#N/A</v>
      </c>
      <c r="N50" s="176" t="e">
        <f>NA()</f>
        <v>#N/A</v>
      </c>
      <c r="O50" s="176">
        <f>IF(ISNUMBER('実質公債費比率（分子）の構造'!O$53),'実質公債費比率（分子）の構造'!O$53,NA())</f>
        <v>71</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16332</v>
      </c>
      <c r="E56" s="175"/>
      <c r="F56" s="175"/>
      <c r="G56" s="175">
        <f>'将来負担比率（分子）の構造'!J$52</f>
        <v>15399</v>
      </c>
      <c r="H56" s="175"/>
      <c r="I56" s="175"/>
      <c r="J56" s="175">
        <f>'将来負担比率（分子）の構造'!K$52</f>
        <v>14539</v>
      </c>
      <c r="K56" s="175"/>
      <c r="L56" s="175"/>
      <c r="M56" s="175">
        <f>'将来負担比率（分子）の構造'!L$52</f>
        <v>14059</v>
      </c>
      <c r="N56" s="175"/>
      <c r="O56" s="175"/>
      <c r="P56" s="175">
        <f>'将来負担比率（分子）の構造'!M$52</f>
        <v>12744</v>
      </c>
    </row>
    <row r="57" spans="1:16" x14ac:dyDescent="0.2">
      <c r="A57" s="175" t="s">
        <v>43</v>
      </c>
      <c r="B57" s="175"/>
      <c r="C57" s="175"/>
      <c r="D57" s="175">
        <f>'将来負担比率（分子）の構造'!I$51</f>
        <v>6332</v>
      </c>
      <c r="E57" s="175"/>
      <c r="F57" s="175"/>
      <c r="G57" s="175">
        <f>'将来負担比率（分子）の構造'!J$51</f>
        <v>6044</v>
      </c>
      <c r="H57" s="175"/>
      <c r="I57" s="175"/>
      <c r="J57" s="175">
        <f>'将来負担比率（分子）の構造'!K$51</f>
        <v>5990</v>
      </c>
      <c r="K57" s="175"/>
      <c r="L57" s="175"/>
      <c r="M57" s="175">
        <f>'将来負担比率（分子）の構造'!L$51</f>
        <v>5788</v>
      </c>
      <c r="N57" s="175"/>
      <c r="O57" s="175"/>
      <c r="P57" s="175">
        <f>'将来負担比率（分子）の構造'!M$51</f>
        <v>4309</v>
      </c>
    </row>
    <row r="58" spans="1:16" x14ac:dyDescent="0.2">
      <c r="A58" s="175" t="s">
        <v>42</v>
      </c>
      <c r="B58" s="175"/>
      <c r="C58" s="175"/>
      <c r="D58" s="175">
        <f>'将来負担比率（分子）の構造'!I$50</f>
        <v>11549</v>
      </c>
      <c r="E58" s="175"/>
      <c r="F58" s="175"/>
      <c r="G58" s="175">
        <f>'将来負担比率（分子）の構造'!J$50</f>
        <v>12820</v>
      </c>
      <c r="H58" s="175"/>
      <c r="I58" s="175"/>
      <c r="J58" s="175">
        <f>'将来負担比率（分子）の構造'!K$50</f>
        <v>13523</v>
      </c>
      <c r="K58" s="175"/>
      <c r="L58" s="175"/>
      <c r="M58" s="175">
        <f>'将来負担比率（分子）の構造'!L$50</f>
        <v>16576</v>
      </c>
      <c r="N58" s="175"/>
      <c r="O58" s="175"/>
      <c r="P58" s="175">
        <f>'将来負担比率（分子）の構造'!M$50</f>
        <v>17047</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5468</v>
      </c>
      <c r="C62" s="175"/>
      <c r="D62" s="175"/>
      <c r="E62" s="175">
        <f>'将来負担比率（分子）の構造'!J$45</f>
        <v>5312</v>
      </c>
      <c r="F62" s="175"/>
      <c r="G62" s="175"/>
      <c r="H62" s="175">
        <f>'将来負担比率（分子）の構造'!K$45</f>
        <v>5067</v>
      </c>
      <c r="I62" s="175"/>
      <c r="J62" s="175"/>
      <c r="K62" s="175">
        <f>'将来負担比率（分子）の構造'!L$45</f>
        <v>4983</v>
      </c>
      <c r="L62" s="175"/>
      <c r="M62" s="175"/>
      <c r="N62" s="175">
        <f>'将来負担比率（分子）の構造'!M$45</f>
        <v>4881</v>
      </c>
      <c r="O62" s="175"/>
      <c r="P62" s="175"/>
    </row>
    <row r="63" spans="1:16" x14ac:dyDescent="0.2">
      <c r="A63" s="175" t="s">
        <v>35</v>
      </c>
      <c r="B63" s="175">
        <f>'将来負担比率（分子）の構造'!I$44</f>
        <v>59</v>
      </c>
      <c r="C63" s="175"/>
      <c r="D63" s="175"/>
      <c r="E63" s="175">
        <f>'将来負担比率（分子）の構造'!J$44</f>
        <v>22</v>
      </c>
      <c r="F63" s="175"/>
      <c r="G63" s="175"/>
      <c r="H63" s="175">
        <f>'将来負担比率（分子）の構造'!K$44</f>
        <v>7</v>
      </c>
      <c r="I63" s="175"/>
      <c r="J63" s="175"/>
      <c r="K63" s="175">
        <f>'将来負担比率（分子）の構造'!L$44</f>
        <v>6</v>
      </c>
      <c r="L63" s="175"/>
      <c r="M63" s="175"/>
      <c r="N63" s="175">
        <f>'将来負担比率（分子）の構造'!M$44</f>
        <v>5</v>
      </c>
      <c r="O63" s="175"/>
      <c r="P63" s="175"/>
    </row>
    <row r="64" spans="1:16" x14ac:dyDescent="0.2">
      <c r="A64" s="175" t="s">
        <v>34</v>
      </c>
      <c r="B64" s="175">
        <f>'将来負担比率（分子）の構造'!I$43</f>
        <v>3148</v>
      </c>
      <c r="C64" s="175"/>
      <c r="D64" s="175"/>
      <c r="E64" s="175">
        <f>'将来負担比率（分子）の構造'!J$43</f>
        <v>3117</v>
      </c>
      <c r="F64" s="175"/>
      <c r="G64" s="175"/>
      <c r="H64" s="175">
        <f>'将来負担比率（分子）の構造'!K$43</f>
        <v>2877</v>
      </c>
      <c r="I64" s="175"/>
      <c r="J64" s="175"/>
      <c r="K64" s="175">
        <f>'将来負担比率（分子）の構造'!L$43</f>
        <v>2639</v>
      </c>
      <c r="L64" s="175"/>
      <c r="M64" s="175"/>
      <c r="N64" s="175">
        <f>'将来負担比率（分子）の構造'!M$43</f>
        <v>1914</v>
      </c>
      <c r="O64" s="175"/>
      <c r="P64" s="175"/>
    </row>
    <row r="65" spans="1:16" x14ac:dyDescent="0.2">
      <c r="A65" s="175" t="s">
        <v>33</v>
      </c>
      <c r="B65" s="175">
        <f>'将来負担比率（分子）の構造'!I$42</f>
        <v>24</v>
      </c>
      <c r="C65" s="175"/>
      <c r="D65" s="175"/>
      <c r="E65" s="175">
        <f>'将来負担比率（分子）の構造'!J$42</f>
        <v>16</v>
      </c>
      <c r="F65" s="175"/>
      <c r="G65" s="175"/>
      <c r="H65" s="175">
        <f>'将来負担比率（分子）の構造'!K$42</f>
        <v>8</v>
      </c>
      <c r="I65" s="175"/>
      <c r="J65" s="175"/>
      <c r="K65" s="175" t="str">
        <f>'将来負担比率（分子）の構造'!L$42</f>
        <v>-</v>
      </c>
      <c r="L65" s="175"/>
      <c r="M65" s="175"/>
      <c r="N65" s="175">
        <f>'将来負担比率（分子）の構造'!M$42</f>
        <v>129</v>
      </c>
      <c r="O65" s="175"/>
      <c r="P65" s="175"/>
    </row>
    <row r="66" spans="1:16" x14ac:dyDescent="0.2">
      <c r="A66" s="175" t="s">
        <v>32</v>
      </c>
      <c r="B66" s="175">
        <f>'将来負担比率（分子）の構造'!I$41</f>
        <v>20288</v>
      </c>
      <c r="C66" s="175"/>
      <c r="D66" s="175"/>
      <c r="E66" s="175">
        <f>'将来負担比率（分子）の構造'!J$41</f>
        <v>19601</v>
      </c>
      <c r="F66" s="175"/>
      <c r="G66" s="175"/>
      <c r="H66" s="175">
        <f>'将来負担比率（分子）の構造'!K$41</f>
        <v>18551</v>
      </c>
      <c r="I66" s="175"/>
      <c r="J66" s="175"/>
      <c r="K66" s="175">
        <f>'将来負担比率（分子）の構造'!L$41</f>
        <v>18031</v>
      </c>
      <c r="L66" s="175"/>
      <c r="M66" s="175"/>
      <c r="N66" s="175">
        <f>'将来負担比率（分子）の構造'!M$41</f>
        <v>16227</v>
      </c>
      <c r="O66" s="175"/>
      <c r="P66" s="175"/>
    </row>
    <row r="67" spans="1:16" x14ac:dyDescent="0.2">
      <c r="A67" s="175" t="s">
        <v>76</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5838</v>
      </c>
      <c r="C72" s="179">
        <f>基金残高に係る経年分析!G55</f>
        <v>8555</v>
      </c>
      <c r="D72" s="179">
        <f>基金残高に係る経年分析!H55</f>
        <v>7855</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7234</v>
      </c>
      <c r="C74" s="179">
        <f>基金残高に係る経年分析!G57</f>
        <v>7638</v>
      </c>
      <c r="D74" s="179">
        <f>基金残高に係る経年分析!H57</f>
        <v>9064</v>
      </c>
    </row>
  </sheetData>
  <sheetProtection algorithmName="SHA-512" hashValue="z8UURmLiGw9sRmZzH2NzPTrzd2e/ir5RTotBES6esfazBQOp7ymJjqL4bZRFGbo4vtyUzDvM+OBYnGva+riDOA==" saltValue="lOgKdGAOQ3TCaNZn8P1lE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5</v>
      </c>
      <c r="DI1" s="718"/>
      <c r="DJ1" s="718"/>
      <c r="DK1" s="718"/>
      <c r="DL1" s="718"/>
      <c r="DM1" s="718"/>
      <c r="DN1" s="719"/>
      <c r="DO1" s="214"/>
      <c r="DP1" s="717" t="s">
        <v>216</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7</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18</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19</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0</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1</v>
      </c>
      <c r="S4" s="674"/>
      <c r="T4" s="674"/>
      <c r="U4" s="674"/>
      <c r="V4" s="674"/>
      <c r="W4" s="674"/>
      <c r="X4" s="674"/>
      <c r="Y4" s="675"/>
      <c r="Z4" s="673" t="s">
        <v>222</v>
      </c>
      <c r="AA4" s="674"/>
      <c r="AB4" s="674"/>
      <c r="AC4" s="675"/>
      <c r="AD4" s="673" t="s">
        <v>223</v>
      </c>
      <c r="AE4" s="674"/>
      <c r="AF4" s="674"/>
      <c r="AG4" s="674"/>
      <c r="AH4" s="674"/>
      <c r="AI4" s="674"/>
      <c r="AJ4" s="674"/>
      <c r="AK4" s="675"/>
      <c r="AL4" s="673" t="s">
        <v>222</v>
      </c>
      <c r="AM4" s="674"/>
      <c r="AN4" s="674"/>
      <c r="AO4" s="675"/>
      <c r="AP4" s="720" t="s">
        <v>224</v>
      </c>
      <c r="AQ4" s="720"/>
      <c r="AR4" s="720"/>
      <c r="AS4" s="720"/>
      <c r="AT4" s="720"/>
      <c r="AU4" s="720"/>
      <c r="AV4" s="720"/>
      <c r="AW4" s="720"/>
      <c r="AX4" s="720"/>
      <c r="AY4" s="720"/>
      <c r="AZ4" s="720"/>
      <c r="BA4" s="720"/>
      <c r="BB4" s="720"/>
      <c r="BC4" s="720"/>
      <c r="BD4" s="720"/>
      <c r="BE4" s="720"/>
      <c r="BF4" s="720"/>
      <c r="BG4" s="720" t="s">
        <v>225</v>
      </c>
      <c r="BH4" s="720"/>
      <c r="BI4" s="720"/>
      <c r="BJ4" s="720"/>
      <c r="BK4" s="720"/>
      <c r="BL4" s="720"/>
      <c r="BM4" s="720"/>
      <c r="BN4" s="720"/>
      <c r="BO4" s="720" t="s">
        <v>222</v>
      </c>
      <c r="BP4" s="720"/>
      <c r="BQ4" s="720"/>
      <c r="BR4" s="720"/>
      <c r="BS4" s="720" t="s">
        <v>226</v>
      </c>
      <c r="BT4" s="720"/>
      <c r="BU4" s="720"/>
      <c r="BV4" s="720"/>
      <c r="BW4" s="720"/>
      <c r="BX4" s="720"/>
      <c r="BY4" s="720"/>
      <c r="BZ4" s="720"/>
      <c r="CA4" s="720"/>
      <c r="CB4" s="720"/>
      <c r="CD4" s="673" t="s">
        <v>227</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28</v>
      </c>
      <c r="C5" s="680"/>
      <c r="D5" s="680"/>
      <c r="E5" s="680"/>
      <c r="F5" s="680"/>
      <c r="G5" s="680"/>
      <c r="H5" s="680"/>
      <c r="I5" s="680"/>
      <c r="J5" s="680"/>
      <c r="K5" s="680"/>
      <c r="L5" s="680"/>
      <c r="M5" s="680"/>
      <c r="N5" s="680"/>
      <c r="O5" s="680"/>
      <c r="P5" s="680"/>
      <c r="Q5" s="681"/>
      <c r="R5" s="676">
        <v>20385688</v>
      </c>
      <c r="S5" s="677"/>
      <c r="T5" s="677"/>
      <c r="U5" s="677"/>
      <c r="V5" s="677"/>
      <c r="W5" s="677"/>
      <c r="X5" s="677"/>
      <c r="Y5" s="702"/>
      <c r="Z5" s="715">
        <v>39.1</v>
      </c>
      <c r="AA5" s="715"/>
      <c r="AB5" s="715"/>
      <c r="AC5" s="715"/>
      <c r="AD5" s="716">
        <v>18795664</v>
      </c>
      <c r="AE5" s="716"/>
      <c r="AF5" s="716"/>
      <c r="AG5" s="716"/>
      <c r="AH5" s="716"/>
      <c r="AI5" s="716"/>
      <c r="AJ5" s="716"/>
      <c r="AK5" s="716"/>
      <c r="AL5" s="703">
        <v>82.3</v>
      </c>
      <c r="AM5" s="685"/>
      <c r="AN5" s="685"/>
      <c r="AO5" s="704"/>
      <c r="AP5" s="679" t="s">
        <v>229</v>
      </c>
      <c r="AQ5" s="680"/>
      <c r="AR5" s="680"/>
      <c r="AS5" s="680"/>
      <c r="AT5" s="680"/>
      <c r="AU5" s="680"/>
      <c r="AV5" s="680"/>
      <c r="AW5" s="680"/>
      <c r="AX5" s="680"/>
      <c r="AY5" s="680"/>
      <c r="AZ5" s="680"/>
      <c r="BA5" s="680"/>
      <c r="BB5" s="680"/>
      <c r="BC5" s="680"/>
      <c r="BD5" s="680"/>
      <c r="BE5" s="680"/>
      <c r="BF5" s="681"/>
      <c r="BG5" s="621">
        <v>18795664</v>
      </c>
      <c r="BH5" s="622"/>
      <c r="BI5" s="622"/>
      <c r="BJ5" s="622"/>
      <c r="BK5" s="622"/>
      <c r="BL5" s="622"/>
      <c r="BM5" s="622"/>
      <c r="BN5" s="623"/>
      <c r="BO5" s="659">
        <v>92.2</v>
      </c>
      <c r="BP5" s="659"/>
      <c r="BQ5" s="659"/>
      <c r="BR5" s="659"/>
      <c r="BS5" s="660">
        <v>229874</v>
      </c>
      <c r="BT5" s="660"/>
      <c r="BU5" s="660"/>
      <c r="BV5" s="660"/>
      <c r="BW5" s="660"/>
      <c r="BX5" s="660"/>
      <c r="BY5" s="660"/>
      <c r="BZ5" s="660"/>
      <c r="CA5" s="660"/>
      <c r="CB5" s="700"/>
      <c r="CD5" s="673" t="s">
        <v>224</v>
      </c>
      <c r="CE5" s="674"/>
      <c r="CF5" s="674"/>
      <c r="CG5" s="674"/>
      <c r="CH5" s="674"/>
      <c r="CI5" s="674"/>
      <c r="CJ5" s="674"/>
      <c r="CK5" s="674"/>
      <c r="CL5" s="674"/>
      <c r="CM5" s="674"/>
      <c r="CN5" s="674"/>
      <c r="CO5" s="674"/>
      <c r="CP5" s="674"/>
      <c r="CQ5" s="675"/>
      <c r="CR5" s="673" t="s">
        <v>230</v>
      </c>
      <c r="CS5" s="674"/>
      <c r="CT5" s="674"/>
      <c r="CU5" s="674"/>
      <c r="CV5" s="674"/>
      <c r="CW5" s="674"/>
      <c r="CX5" s="674"/>
      <c r="CY5" s="675"/>
      <c r="CZ5" s="673" t="s">
        <v>222</v>
      </c>
      <c r="DA5" s="674"/>
      <c r="DB5" s="674"/>
      <c r="DC5" s="675"/>
      <c r="DD5" s="673" t="s">
        <v>231</v>
      </c>
      <c r="DE5" s="674"/>
      <c r="DF5" s="674"/>
      <c r="DG5" s="674"/>
      <c r="DH5" s="674"/>
      <c r="DI5" s="674"/>
      <c r="DJ5" s="674"/>
      <c r="DK5" s="674"/>
      <c r="DL5" s="674"/>
      <c r="DM5" s="674"/>
      <c r="DN5" s="674"/>
      <c r="DO5" s="674"/>
      <c r="DP5" s="675"/>
      <c r="DQ5" s="673" t="s">
        <v>232</v>
      </c>
      <c r="DR5" s="674"/>
      <c r="DS5" s="674"/>
      <c r="DT5" s="674"/>
      <c r="DU5" s="674"/>
      <c r="DV5" s="674"/>
      <c r="DW5" s="674"/>
      <c r="DX5" s="674"/>
      <c r="DY5" s="674"/>
      <c r="DZ5" s="674"/>
      <c r="EA5" s="674"/>
      <c r="EB5" s="674"/>
      <c r="EC5" s="675"/>
    </row>
    <row r="6" spans="2:143" ht="11.25" customHeight="1" x14ac:dyDescent="0.2">
      <c r="B6" s="618" t="s">
        <v>233</v>
      </c>
      <c r="C6" s="619"/>
      <c r="D6" s="619"/>
      <c r="E6" s="619"/>
      <c r="F6" s="619"/>
      <c r="G6" s="619"/>
      <c r="H6" s="619"/>
      <c r="I6" s="619"/>
      <c r="J6" s="619"/>
      <c r="K6" s="619"/>
      <c r="L6" s="619"/>
      <c r="M6" s="619"/>
      <c r="N6" s="619"/>
      <c r="O6" s="619"/>
      <c r="P6" s="619"/>
      <c r="Q6" s="620"/>
      <c r="R6" s="621">
        <v>177854</v>
      </c>
      <c r="S6" s="622"/>
      <c r="T6" s="622"/>
      <c r="U6" s="622"/>
      <c r="V6" s="622"/>
      <c r="W6" s="622"/>
      <c r="X6" s="622"/>
      <c r="Y6" s="623"/>
      <c r="Z6" s="659">
        <v>0.3</v>
      </c>
      <c r="AA6" s="659"/>
      <c r="AB6" s="659"/>
      <c r="AC6" s="659"/>
      <c r="AD6" s="660">
        <v>177854</v>
      </c>
      <c r="AE6" s="660"/>
      <c r="AF6" s="660"/>
      <c r="AG6" s="660"/>
      <c r="AH6" s="660"/>
      <c r="AI6" s="660"/>
      <c r="AJ6" s="660"/>
      <c r="AK6" s="660"/>
      <c r="AL6" s="624">
        <v>0.8</v>
      </c>
      <c r="AM6" s="625"/>
      <c r="AN6" s="625"/>
      <c r="AO6" s="661"/>
      <c r="AP6" s="618" t="s">
        <v>234</v>
      </c>
      <c r="AQ6" s="619"/>
      <c r="AR6" s="619"/>
      <c r="AS6" s="619"/>
      <c r="AT6" s="619"/>
      <c r="AU6" s="619"/>
      <c r="AV6" s="619"/>
      <c r="AW6" s="619"/>
      <c r="AX6" s="619"/>
      <c r="AY6" s="619"/>
      <c r="AZ6" s="619"/>
      <c r="BA6" s="619"/>
      <c r="BB6" s="619"/>
      <c r="BC6" s="619"/>
      <c r="BD6" s="619"/>
      <c r="BE6" s="619"/>
      <c r="BF6" s="620"/>
      <c r="BG6" s="621">
        <v>18795664</v>
      </c>
      <c r="BH6" s="622"/>
      <c r="BI6" s="622"/>
      <c r="BJ6" s="622"/>
      <c r="BK6" s="622"/>
      <c r="BL6" s="622"/>
      <c r="BM6" s="622"/>
      <c r="BN6" s="623"/>
      <c r="BO6" s="659">
        <v>92.2</v>
      </c>
      <c r="BP6" s="659"/>
      <c r="BQ6" s="659"/>
      <c r="BR6" s="659"/>
      <c r="BS6" s="660">
        <v>229874</v>
      </c>
      <c r="BT6" s="660"/>
      <c r="BU6" s="660"/>
      <c r="BV6" s="660"/>
      <c r="BW6" s="660"/>
      <c r="BX6" s="660"/>
      <c r="BY6" s="660"/>
      <c r="BZ6" s="660"/>
      <c r="CA6" s="660"/>
      <c r="CB6" s="700"/>
      <c r="CD6" s="679" t="s">
        <v>235</v>
      </c>
      <c r="CE6" s="680"/>
      <c r="CF6" s="680"/>
      <c r="CG6" s="680"/>
      <c r="CH6" s="680"/>
      <c r="CI6" s="680"/>
      <c r="CJ6" s="680"/>
      <c r="CK6" s="680"/>
      <c r="CL6" s="680"/>
      <c r="CM6" s="680"/>
      <c r="CN6" s="680"/>
      <c r="CO6" s="680"/>
      <c r="CP6" s="680"/>
      <c r="CQ6" s="681"/>
      <c r="CR6" s="621">
        <v>338169</v>
      </c>
      <c r="CS6" s="622"/>
      <c r="CT6" s="622"/>
      <c r="CU6" s="622"/>
      <c r="CV6" s="622"/>
      <c r="CW6" s="622"/>
      <c r="CX6" s="622"/>
      <c r="CY6" s="623"/>
      <c r="CZ6" s="703">
        <v>0.7</v>
      </c>
      <c r="DA6" s="685"/>
      <c r="DB6" s="685"/>
      <c r="DC6" s="705"/>
      <c r="DD6" s="627" t="s">
        <v>176</v>
      </c>
      <c r="DE6" s="622"/>
      <c r="DF6" s="622"/>
      <c r="DG6" s="622"/>
      <c r="DH6" s="622"/>
      <c r="DI6" s="622"/>
      <c r="DJ6" s="622"/>
      <c r="DK6" s="622"/>
      <c r="DL6" s="622"/>
      <c r="DM6" s="622"/>
      <c r="DN6" s="622"/>
      <c r="DO6" s="622"/>
      <c r="DP6" s="623"/>
      <c r="DQ6" s="627">
        <v>338104</v>
      </c>
      <c r="DR6" s="622"/>
      <c r="DS6" s="622"/>
      <c r="DT6" s="622"/>
      <c r="DU6" s="622"/>
      <c r="DV6" s="622"/>
      <c r="DW6" s="622"/>
      <c r="DX6" s="622"/>
      <c r="DY6" s="622"/>
      <c r="DZ6" s="622"/>
      <c r="EA6" s="622"/>
      <c r="EB6" s="622"/>
      <c r="EC6" s="658"/>
    </row>
    <row r="7" spans="2:143" ht="11.25" customHeight="1" x14ac:dyDescent="0.2">
      <c r="B7" s="618" t="s">
        <v>236</v>
      </c>
      <c r="C7" s="619"/>
      <c r="D7" s="619"/>
      <c r="E7" s="619"/>
      <c r="F7" s="619"/>
      <c r="G7" s="619"/>
      <c r="H7" s="619"/>
      <c r="I7" s="619"/>
      <c r="J7" s="619"/>
      <c r="K7" s="619"/>
      <c r="L7" s="619"/>
      <c r="M7" s="619"/>
      <c r="N7" s="619"/>
      <c r="O7" s="619"/>
      <c r="P7" s="619"/>
      <c r="Q7" s="620"/>
      <c r="R7" s="621">
        <v>26621</v>
      </c>
      <c r="S7" s="622"/>
      <c r="T7" s="622"/>
      <c r="U7" s="622"/>
      <c r="V7" s="622"/>
      <c r="W7" s="622"/>
      <c r="X7" s="622"/>
      <c r="Y7" s="623"/>
      <c r="Z7" s="659">
        <v>0.1</v>
      </c>
      <c r="AA7" s="659"/>
      <c r="AB7" s="659"/>
      <c r="AC7" s="659"/>
      <c r="AD7" s="660">
        <v>26621</v>
      </c>
      <c r="AE7" s="660"/>
      <c r="AF7" s="660"/>
      <c r="AG7" s="660"/>
      <c r="AH7" s="660"/>
      <c r="AI7" s="660"/>
      <c r="AJ7" s="660"/>
      <c r="AK7" s="660"/>
      <c r="AL7" s="624">
        <v>0.1</v>
      </c>
      <c r="AM7" s="625"/>
      <c r="AN7" s="625"/>
      <c r="AO7" s="661"/>
      <c r="AP7" s="618" t="s">
        <v>237</v>
      </c>
      <c r="AQ7" s="619"/>
      <c r="AR7" s="619"/>
      <c r="AS7" s="619"/>
      <c r="AT7" s="619"/>
      <c r="AU7" s="619"/>
      <c r="AV7" s="619"/>
      <c r="AW7" s="619"/>
      <c r="AX7" s="619"/>
      <c r="AY7" s="619"/>
      <c r="AZ7" s="619"/>
      <c r="BA7" s="619"/>
      <c r="BB7" s="619"/>
      <c r="BC7" s="619"/>
      <c r="BD7" s="619"/>
      <c r="BE7" s="619"/>
      <c r="BF7" s="620"/>
      <c r="BG7" s="621">
        <v>8994251</v>
      </c>
      <c r="BH7" s="622"/>
      <c r="BI7" s="622"/>
      <c r="BJ7" s="622"/>
      <c r="BK7" s="622"/>
      <c r="BL7" s="622"/>
      <c r="BM7" s="622"/>
      <c r="BN7" s="623"/>
      <c r="BO7" s="659">
        <v>44.1</v>
      </c>
      <c r="BP7" s="659"/>
      <c r="BQ7" s="659"/>
      <c r="BR7" s="659"/>
      <c r="BS7" s="660">
        <v>229874</v>
      </c>
      <c r="BT7" s="660"/>
      <c r="BU7" s="660"/>
      <c r="BV7" s="660"/>
      <c r="BW7" s="660"/>
      <c r="BX7" s="660"/>
      <c r="BY7" s="660"/>
      <c r="BZ7" s="660"/>
      <c r="CA7" s="660"/>
      <c r="CB7" s="700"/>
      <c r="CD7" s="618" t="s">
        <v>238</v>
      </c>
      <c r="CE7" s="619"/>
      <c r="CF7" s="619"/>
      <c r="CG7" s="619"/>
      <c r="CH7" s="619"/>
      <c r="CI7" s="619"/>
      <c r="CJ7" s="619"/>
      <c r="CK7" s="619"/>
      <c r="CL7" s="619"/>
      <c r="CM7" s="619"/>
      <c r="CN7" s="619"/>
      <c r="CO7" s="619"/>
      <c r="CP7" s="619"/>
      <c r="CQ7" s="620"/>
      <c r="CR7" s="621">
        <v>5985654</v>
      </c>
      <c r="CS7" s="622"/>
      <c r="CT7" s="622"/>
      <c r="CU7" s="622"/>
      <c r="CV7" s="622"/>
      <c r="CW7" s="622"/>
      <c r="CX7" s="622"/>
      <c r="CY7" s="623"/>
      <c r="CZ7" s="659">
        <v>12.1</v>
      </c>
      <c r="DA7" s="659"/>
      <c r="DB7" s="659"/>
      <c r="DC7" s="659"/>
      <c r="DD7" s="627">
        <v>300027</v>
      </c>
      <c r="DE7" s="622"/>
      <c r="DF7" s="622"/>
      <c r="DG7" s="622"/>
      <c r="DH7" s="622"/>
      <c r="DI7" s="622"/>
      <c r="DJ7" s="622"/>
      <c r="DK7" s="622"/>
      <c r="DL7" s="622"/>
      <c r="DM7" s="622"/>
      <c r="DN7" s="622"/>
      <c r="DO7" s="622"/>
      <c r="DP7" s="623"/>
      <c r="DQ7" s="627">
        <v>5260713</v>
      </c>
      <c r="DR7" s="622"/>
      <c r="DS7" s="622"/>
      <c r="DT7" s="622"/>
      <c r="DU7" s="622"/>
      <c r="DV7" s="622"/>
      <c r="DW7" s="622"/>
      <c r="DX7" s="622"/>
      <c r="DY7" s="622"/>
      <c r="DZ7" s="622"/>
      <c r="EA7" s="622"/>
      <c r="EB7" s="622"/>
      <c r="EC7" s="658"/>
    </row>
    <row r="8" spans="2:143" ht="11.25" customHeight="1" x14ac:dyDescent="0.2">
      <c r="B8" s="618" t="s">
        <v>239</v>
      </c>
      <c r="C8" s="619"/>
      <c r="D8" s="619"/>
      <c r="E8" s="619"/>
      <c r="F8" s="619"/>
      <c r="G8" s="619"/>
      <c r="H8" s="619"/>
      <c r="I8" s="619"/>
      <c r="J8" s="619"/>
      <c r="K8" s="619"/>
      <c r="L8" s="619"/>
      <c r="M8" s="619"/>
      <c r="N8" s="619"/>
      <c r="O8" s="619"/>
      <c r="P8" s="619"/>
      <c r="Q8" s="620"/>
      <c r="R8" s="621">
        <v>141607</v>
      </c>
      <c r="S8" s="622"/>
      <c r="T8" s="622"/>
      <c r="U8" s="622"/>
      <c r="V8" s="622"/>
      <c r="W8" s="622"/>
      <c r="X8" s="622"/>
      <c r="Y8" s="623"/>
      <c r="Z8" s="659">
        <v>0.3</v>
      </c>
      <c r="AA8" s="659"/>
      <c r="AB8" s="659"/>
      <c r="AC8" s="659"/>
      <c r="AD8" s="660">
        <v>141607</v>
      </c>
      <c r="AE8" s="660"/>
      <c r="AF8" s="660"/>
      <c r="AG8" s="660"/>
      <c r="AH8" s="660"/>
      <c r="AI8" s="660"/>
      <c r="AJ8" s="660"/>
      <c r="AK8" s="660"/>
      <c r="AL8" s="624">
        <v>0.6</v>
      </c>
      <c r="AM8" s="625"/>
      <c r="AN8" s="625"/>
      <c r="AO8" s="661"/>
      <c r="AP8" s="618" t="s">
        <v>240</v>
      </c>
      <c r="AQ8" s="619"/>
      <c r="AR8" s="619"/>
      <c r="AS8" s="619"/>
      <c r="AT8" s="619"/>
      <c r="AU8" s="619"/>
      <c r="AV8" s="619"/>
      <c r="AW8" s="619"/>
      <c r="AX8" s="619"/>
      <c r="AY8" s="619"/>
      <c r="AZ8" s="619"/>
      <c r="BA8" s="619"/>
      <c r="BB8" s="619"/>
      <c r="BC8" s="619"/>
      <c r="BD8" s="619"/>
      <c r="BE8" s="619"/>
      <c r="BF8" s="620"/>
      <c r="BG8" s="621">
        <v>180296</v>
      </c>
      <c r="BH8" s="622"/>
      <c r="BI8" s="622"/>
      <c r="BJ8" s="622"/>
      <c r="BK8" s="622"/>
      <c r="BL8" s="622"/>
      <c r="BM8" s="622"/>
      <c r="BN8" s="623"/>
      <c r="BO8" s="659">
        <v>0.9</v>
      </c>
      <c r="BP8" s="659"/>
      <c r="BQ8" s="659"/>
      <c r="BR8" s="659"/>
      <c r="BS8" s="660" t="s">
        <v>137</v>
      </c>
      <c r="BT8" s="660"/>
      <c r="BU8" s="660"/>
      <c r="BV8" s="660"/>
      <c r="BW8" s="660"/>
      <c r="BX8" s="660"/>
      <c r="BY8" s="660"/>
      <c r="BZ8" s="660"/>
      <c r="CA8" s="660"/>
      <c r="CB8" s="700"/>
      <c r="CD8" s="618" t="s">
        <v>241</v>
      </c>
      <c r="CE8" s="619"/>
      <c r="CF8" s="619"/>
      <c r="CG8" s="619"/>
      <c r="CH8" s="619"/>
      <c r="CI8" s="619"/>
      <c r="CJ8" s="619"/>
      <c r="CK8" s="619"/>
      <c r="CL8" s="619"/>
      <c r="CM8" s="619"/>
      <c r="CN8" s="619"/>
      <c r="CO8" s="619"/>
      <c r="CP8" s="619"/>
      <c r="CQ8" s="620"/>
      <c r="CR8" s="621">
        <v>24759994</v>
      </c>
      <c r="CS8" s="622"/>
      <c r="CT8" s="622"/>
      <c r="CU8" s="622"/>
      <c r="CV8" s="622"/>
      <c r="CW8" s="622"/>
      <c r="CX8" s="622"/>
      <c r="CY8" s="623"/>
      <c r="CZ8" s="659">
        <v>49.9</v>
      </c>
      <c r="DA8" s="659"/>
      <c r="DB8" s="659"/>
      <c r="DC8" s="659"/>
      <c r="DD8" s="627">
        <v>764242</v>
      </c>
      <c r="DE8" s="622"/>
      <c r="DF8" s="622"/>
      <c r="DG8" s="622"/>
      <c r="DH8" s="622"/>
      <c r="DI8" s="622"/>
      <c r="DJ8" s="622"/>
      <c r="DK8" s="622"/>
      <c r="DL8" s="622"/>
      <c r="DM8" s="622"/>
      <c r="DN8" s="622"/>
      <c r="DO8" s="622"/>
      <c r="DP8" s="623"/>
      <c r="DQ8" s="627">
        <v>9583203</v>
      </c>
      <c r="DR8" s="622"/>
      <c r="DS8" s="622"/>
      <c r="DT8" s="622"/>
      <c r="DU8" s="622"/>
      <c r="DV8" s="622"/>
      <c r="DW8" s="622"/>
      <c r="DX8" s="622"/>
      <c r="DY8" s="622"/>
      <c r="DZ8" s="622"/>
      <c r="EA8" s="622"/>
      <c r="EB8" s="622"/>
      <c r="EC8" s="658"/>
    </row>
    <row r="9" spans="2:143" ht="11.25" customHeight="1" x14ac:dyDescent="0.2">
      <c r="B9" s="618" t="s">
        <v>242</v>
      </c>
      <c r="C9" s="619"/>
      <c r="D9" s="619"/>
      <c r="E9" s="619"/>
      <c r="F9" s="619"/>
      <c r="G9" s="619"/>
      <c r="H9" s="619"/>
      <c r="I9" s="619"/>
      <c r="J9" s="619"/>
      <c r="K9" s="619"/>
      <c r="L9" s="619"/>
      <c r="M9" s="619"/>
      <c r="N9" s="619"/>
      <c r="O9" s="619"/>
      <c r="P9" s="619"/>
      <c r="Q9" s="620"/>
      <c r="R9" s="621">
        <v>108641</v>
      </c>
      <c r="S9" s="622"/>
      <c r="T9" s="622"/>
      <c r="U9" s="622"/>
      <c r="V9" s="622"/>
      <c r="W9" s="622"/>
      <c r="X9" s="622"/>
      <c r="Y9" s="623"/>
      <c r="Z9" s="659">
        <v>0.2</v>
      </c>
      <c r="AA9" s="659"/>
      <c r="AB9" s="659"/>
      <c r="AC9" s="659"/>
      <c r="AD9" s="660">
        <v>108641</v>
      </c>
      <c r="AE9" s="660"/>
      <c r="AF9" s="660"/>
      <c r="AG9" s="660"/>
      <c r="AH9" s="660"/>
      <c r="AI9" s="660"/>
      <c r="AJ9" s="660"/>
      <c r="AK9" s="660"/>
      <c r="AL9" s="624">
        <v>0.5</v>
      </c>
      <c r="AM9" s="625"/>
      <c r="AN9" s="625"/>
      <c r="AO9" s="661"/>
      <c r="AP9" s="618" t="s">
        <v>243</v>
      </c>
      <c r="AQ9" s="619"/>
      <c r="AR9" s="619"/>
      <c r="AS9" s="619"/>
      <c r="AT9" s="619"/>
      <c r="AU9" s="619"/>
      <c r="AV9" s="619"/>
      <c r="AW9" s="619"/>
      <c r="AX9" s="619"/>
      <c r="AY9" s="619"/>
      <c r="AZ9" s="619"/>
      <c r="BA9" s="619"/>
      <c r="BB9" s="619"/>
      <c r="BC9" s="619"/>
      <c r="BD9" s="619"/>
      <c r="BE9" s="619"/>
      <c r="BF9" s="620"/>
      <c r="BG9" s="621">
        <v>7347438</v>
      </c>
      <c r="BH9" s="622"/>
      <c r="BI9" s="622"/>
      <c r="BJ9" s="622"/>
      <c r="BK9" s="622"/>
      <c r="BL9" s="622"/>
      <c r="BM9" s="622"/>
      <c r="BN9" s="623"/>
      <c r="BO9" s="659">
        <v>36</v>
      </c>
      <c r="BP9" s="659"/>
      <c r="BQ9" s="659"/>
      <c r="BR9" s="659"/>
      <c r="BS9" s="660" t="s">
        <v>176</v>
      </c>
      <c r="BT9" s="660"/>
      <c r="BU9" s="660"/>
      <c r="BV9" s="660"/>
      <c r="BW9" s="660"/>
      <c r="BX9" s="660"/>
      <c r="BY9" s="660"/>
      <c r="BZ9" s="660"/>
      <c r="CA9" s="660"/>
      <c r="CB9" s="700"/>
      <c r="CD9" s="618" t="s">
        <v>244</v>
      </c>
      <c r="CE9" s="619"/>
      <c r="CF9" s="619"/>
      <c r="CG9" s="619"/>
      <c r="CH9" s="619"/>
      <c r="CI9" s="619"/>
      <c r="CJ9" s="619"/>
      <c r="CK9" s="619"/>
      <c r="CL9" s="619"/>
      <c r="CM9" s="619"/>
      <c r="CN9" s="619"/>
      <c r="CO9" s="619"/>
      <c r="CP9" s="619"/>
      <c r="CQ9" s="620"/>
      <c r="CR9" s="621">
        <v>5610915</v>
      </c>
      <c r="CS9" s="622"/>
      <c r="CT9" s="622"/>
      <c r="CU9" s="622"/>
      <c r="CV9" s="622"/>
      <c r="CW9" s="622"/>
      <c r="CX9" s="622"/>
      <c r="CY9" s="623"/>
      <c r="CZ9" s="659">
        <v>11.3</v>
      </c>
      <c r="DA9" s="659"/>
      <c r="DB9" s="659"/>
      <c r="DC9" s="659"/>
      <c r="DD9" s="627">
        <v>224444</v>
      </c>
      <c r="DE9" s="622"/>
      <c r="DF9" s="622"/>
      <c r="DG9" s="622"/>
      <c r="DH9" s="622"/>
      <c r="DI9" s="622"/>
      <c r="DJ9" s="622"/>
      <c r="DK9" s="622"/>
      <c r="DL9" s="622"/>
      <c r="DM9" s="622"/>
      <c r="DN9" s="622"/>
      <c r="DO9" s="622"/>
      <c r="DP9" s="623"/>
      <c r="DQ9" s="627">
        <v>3358423</v>
      </c>
      <c r="DR9" s="622"/>
      <c r="DS9" s="622"/>
      <c r="DT9" s="622"/>
      <c r="DU9" s="622"/>
      <c r="DV9" s="622"/>
      <c r="DW9" s="622"/>
      <c r="DX9" s="622"/>
      <c r="DY9" s="622"/>
      <c r="DZ9" s="622"/>
      <c r="EA9" s="622"/>
      <c r="EB9" s="622"/>
      <c r="EC9" s="658"/>
    </row>
    <row r="10" spans="2:143" ht="11.25" customHeight="1" x14ac:dyDescent="0.2">
      <c r="B10" s="618" t="s">
        <v>245</v>
      </c>
      <c r="C10" s="619"/>
      <c r="D10" s="619"/>
      <c r="E10" s="619"/>
      <c r="F10" s="619"/>
      <c r="G10" s="619"/>
      <c r="H10" s="619"/>
      <c r="I10" s="619"/>
      <c r="J10" s="619"/>
      <c r="K10" s="619"/>
      <c r="L10" s="619"/>
      <c r="M10" s="619"/>
      <c r="N10" s="619"/>
      <c r="O10" s="619"/>
      <c r="P10" s="619"/>
      <c r="Q10" s="620"/>
      <c r="R10" s="621" t="s">
        <v>176</v>
      </c>
      <c r="S10" s="622"/>
      <c r="T10" s="622"/>
      <c r="U10" s="622"/>
      <c r="V10" s="622"/>
      <c r="W10" s="622"/>
      <c r="X10" s="622"/>
      <c r="Y10" s="623"/>
      <c r="Z10" s="659" t="s">
        <v>176</v>
      </c>
      <c r="AA10" s="659"/>
      <c r="AB10" s="659"/>
      <c r="AC10" s="659"/>
      <c r="AD10" s="660" t="s">
        <v>246</v>
      </c>
      <c r="AE10" s="660"/>
      <c r="AF10" s="660"/>
      <c r="AG10" s="660"/>
      <c r="AH10" s="660"/>
      <c r="AI10" s="660"/>
      <c r="AJ10" s="660"/>
      <c r="AK10" s="660"/>
      <c r="AL10" s="624" t="s">
        <v>246</v>
      </c>
      <c r="AM10" s="625"/>
      <c r="AN10" s="625"/>
      <c r="AO10" s="661"/>
      <c r="AP10" s="618" t="s">
        <v>247</v>
      </c>
      <c r="AQ10" s="619"/>
      <c r="AR10" s="619"/>
      <c r="AS10" s="619"/>
      <c r="AT10" s="619"/>
      <c r="AU10" s="619"/>
      <c r="AV10" s="619"/>
      <c r="AW10" s="619"/>
      <c r="AX10" s="619"/>
      <c r="AY10" s="619"/>
      <c r="AZ10" s="619"/>
      <c r="BA10" s="619"/>
      <c r="BB10" s="619"/>
      <c r="BC10" s="619"/>
      <c r="BD10" s="619"/>
      <c r="BE10" s="619"/>
      <c r="BF10" s="620"/>
      <c r="BG10" s="621">
        <v>350426</v>
      </c>
      <c r="BH10" s="622"/>
      <c r="BI10" s="622"/>
      <c r="BJ10" s="622"/>
      <c r="BK10" s="622"/>
      <c r="BL10" s="622"/>
      <c r="BM10" s="622"/>
      <c r="BN10" s="623"/>
      <c r="BO10" s="659">
        <v>1.7</v>
      </c>
      <c r="BP10" s="659"/>
      <c r="BQ10" s="659"/>
      <c r="BR10" s="659"/>
      <c r="BS10" s="660" t="s">
        <v>176</v>
      </c>
      <c r="BT10" s="660"/>
      <c r="BU10" s="660"/>
      <c r="BV10" s="660"/>
      <c r="BW10" s="660"/>
      <c r="BX10" s="660"/>
      <c r="BY10" s="660"/>
      <c r="BZ10" s="660"/>
      <c r="CA10" s="660"/>
      <c r="CB10" s="700"/>
      <c r="CD10" s="618" t="s">
        <v>248</v>
      </c>
      <c r="CE10" s="619"/>
      <c r="CF10" s="619"/>
      <c r="CG10" s="619"/>
      <c r="CH10" s="619"/>
      <c r="CI10" s="619"/>
      <c r="CJ10" s="619"/>
      <c r="CK10" s="619"/>
      <c r="CL10" s="619"/>
      <c r="CM10" s="619"/>
      <c r="CN10" s="619"/>
      <c r="CO10" s="619"/>
      <c r="CP10" s="619"/>
      <c r="CQ10" s="620"/>
      <c r="CR10" s="621">
        <v>384332</v>
      </c>
      <c r="CS10" s="622"/>
      <c r="CT10" s="622"/>
      <c r="CU10" s="622"/>
      <c r="CV10" s="622"/>
      <c r="CW10" s="622"/>
      <c r="CX10" s="622"/>
      <c r="CY10" s="623"/>
      <c r="CZ10" s="659">
        <v>0.8</v>
      </c>
      <c r="DA10" s="659"/>
      <c r="DB10" s="659"/>
      <c r="DC10" s="659"/>
      <c r="DD10" s="627">
        <v>10042</v>
      </c>
      <c r="DE10" s="622"/>
      <c r="DF10" s="622"/>
      <c r="DG10" s="622"/>
      <c r="DH10" s="622"/>
      <c r="DI10" s="622"/>
      <c r="DJ10" s="622"/>
      <c r="DK10" s="622"/>
      <c r="DL10" s="622"/>
      <c r="DM10" s="622"/>
      <c r="DN10" s="622"/>
      <c r="DO10" s="622"/>
      <c r="DP10" s="623"/>
      <c r="DQ10" s="627">
        <v>270231</v>
      </c>
      <c r="DR10" s="622"/>
      <c r="DS10" s="622"/>
      <c r="DT10" s="622"/>
      <c r="DU10" s="622"/>
      <c r="DV10" s="622"/>
      <c r="DW10" s="622"/>
      <c r="DX10" s="622"/>
      <c r="DY10" s="622"/>
      <c r="DZ10" s="622"/>
      <c r="EA10" s="622"/>
      <c r="EB10" s="622"/>
      <c r="EC10" s="658"/>
    </row>
    <row r="11" spans="2:143" ht="11.25" customHeight="1" x14ac:dyDescent="0.2">
      <c r="B11" s="618" t="s">
        <v>249</v>
      </c>
      <c r="C11" s="619"/>
      <c r="D11" s="619"/>
      <c r="E11" s="619"/>
      <c r="F11" s="619"/>
      <c r="G11" s="619"/>
      <c r="H11" s="619"/>
      <c r="I11" s="619"/>
      <c r="J11" s="619"/>
      <c r="K11" s="619"/>
      <c r="L11" s="619"/>
      <c r="M11" s="619"/>
      <c r="N11" s="619"/>
      <c r="O11" s="619"/>
      <c r="P11" s="619"/>
      <c r="Q11" s="620"/>
      <c r="R11" s="621">
        <v>2795548</v>
      </c>
      <c r="S11" s="622"/>
      <c r="T11" s="622"/>
      <c r="U11" s="622"/>
      <c r="V11" s="622"/>
      <c r="W11" s="622"/>
      <c r="X11" s="622"/>
      <c r="Y11" s="623"/>
      <c r="Z11" s="624">
        <v>5.4</v>
      </c>
      <c r="AA11" s="625"/>
      <c r="AB11" s="625"/>
      <c r="AC11" s="626"/>
      <c r="AD11" s="627">
        <v>2795548</v>
      </c>
      <c r="AE11" s="622"/>
      <c r="AF11" s="622"/>
      <c r="AG11" s="622"/>
      <c r="AH11" s="622"/>
      <c r="AI11" s="622"/>
      <c r="AJ11" s="622"/>
      <c r="AK11" s="623"/>
      <c r="AL11" s="624">
        <v>12.2</v>
      </c>
      <c r="AM11" s="625"/>
      <c r="AN11" s="625"/>
      <c r="AO11" s="661"/>
      <c r="AP11" s="618" t="s">
        <v>250</v>
      </c>
      <c r="AQ11" s="619"/>
      <c r="AR11" s="619"/>
      <c r="AS11" s="619"/>
      <c r="AT11" s="619"/>
      <c r="AU11" s="619"/>
      <c r="AV11" s="619"/>
      <c r="AW11" s="619"/>
      <c r="AX11" s="619"/>
      <c r="AY11" s="619"/>
      <c r="AZ11" s="619"/>
      <c r="BA11" s="619"/>
      <c r="BB11" s="619"/>
      <c r="BC11" s="619"/>
      <c r="BD11" s="619"/>
      <c r="BE11" s="619"/>
      <c r="BF11" s="620"/>
      <c r="BG11" s="621">
        <v>1116091</v>
      </c>
      <c r="BH11" s="622"/>
      <c r="BI11" s="622"/>
      <c r="BJ11" s="622"/>
      <c r="BK11" s="622"/>
      <c r="BL11" s="622"/>
      <c r="BM11" s="622"/>
      <c r="BN11" s="623"/>
      <c r="BO11" s="659">
        <v>5.5</v>
      </c>
      <c r="BP11" s="659"/>
      <c r="BQ11" s="659"/>
      <c r="BR11" s="659"/>
      <c r="BS11" s="660">
        <v>229874</v>
      </c>
      <c r="BT11" s="660"/>
      <c r="BU11" s="660"/>
      <c r="BV11" s="660"/>
      <c r="BW11" s="660"/>
      <c r="BX11" s="660"/>
      <c r="BY11" s="660"/>
      <c r="BZ11" s="660"/>
      <c r="CA11" s="660"/>
      <c r="CB11" s="700"/>
      <c r="CD11" s="618" t="s">
        <v>251</v>
      </c>
      <c r="CE11" s="619"/>
      <c r="CF11" s="619"/>
      <c r="CG11" s="619"/>
      <c r="CH11" s="619"/>
      <c r="CI11" s="619"/>
      <c r="CJ11" s="619"/>
      <c r="CK11" s="619"/>
      <c r="CL11" s="619"/>
      <c r="CM11" s="619"/>
      <c r="CN11" s="619"/>
      <c r="CO11" s="619"/>
      <c r="CP11" s="619"/>
      <c r="CQ11" s="620"/>
      <c r="CR11" s="621">
        <v>49028</v>
      </c>
      <c r="CS11" s="622"/>
      <c r="CT11" s="622"/>
      <c r="CU11" s="622"/>
      <c r="CV11" s="622"/>
      <c r="CW11" s="622"/>
      <c r="CX11" s="622"/>
      <c r="CY11" s="623"/>
      <c r="CZ11" s="659">
        <v>0.1</v>
      </c>
      <c r="DA11" s="659"/>
      <c r="DB11" s="659"/>
      <c r="DC11" s="659"/>
      <c r="DD11" s="627">
        <v>12468</v>
      </c>
      <c r="DE11" s="622"/>
      <c r="DF11" s="622"/>
      <c r="DG11" s="622"/>
      <c r="DH11" s="622"/>
      <c r="DI11" s="622"/>
      <c r="DJ11" s="622"/>
      <c r="DK11" s="622"/>
      <c r="DL11" s="622"/>
      <c r="DM11" s="622"/>
      <c r="DN11" s="622"/>
      <c r="DO11" s="622"/>
      <c r="DP11" s="623"/>
      <c r="DQ11" s="627">
        <v>39964</v>
      </c>
      <c r="DR11" s="622"/>
      <c r="DS11" s="622"/>
      <c r="DT11" s="622"/>
      <c r="DU11" s="622"/>
      <c r="DV11" s="622"/>
      <c r="DW11" s="622"/>
      <c r="DX11" s="622"/>
      <c r="DY11" s="622"/>
      <c r="DZ11" s="622"/>
      <c r="EA11" s="622"/>
      <c r="EB11" s="622"/>
      <c r="EC11" s="658"/>
    </row>
    <row r="12" spans="2:143" ht="11.25" customHeight="1" x14ac:dyDescent="0.2">
      <c r="B12" s="618" t="s">
        <v>252</v>
      </c>
      <c r="C12" s="619"/>
      <c r="D12" s="619"/>
      <c r="E12" s="619"/>
      <c r="F12" s="619"/>
      <c r="G12" s="619"/>
      <c r="H12" s="619"/>
      <c r="I12" s="619"/>
      <c r="J12" s="619"/>
      <c r="K12" s="619"/>
      <c r="L12" s="619"/>
      <c r="M12" s="619"/>
      <c r="N12" s="619"/>
      <c r="O12" s="619"/>
      <c r="P12" s="619"/>
      <c r="Q12" s="620"/>
      <c r="R12" s="621">
        <v>25758</v>
      </c>
      <c r="S12" s="622"/>
      <c r="T12" s="622"/>
      <c r="U12" s="622"/>
      <c r="V12" s="622"/>
      <c r="W12" s="622"/>
      <c r="X12" s="622"/>
      <c r="Y12" s="623"/>
      <c r="Z12" s="659">
        <v>0</v>
      </c>
      <c r="AA12" s="659"/>
      <c r="AB12" s="659"/>
      <c r="AC12" s="659"/>
      <c r="AD12" s="660">
        <v>25758</v>
      </c>
      <c r="AE12" s="660"/>
      <c r="AF12" s="660"/>
      <c r="AG12" s="660"/>
      <c r="AH12" s="660"/>
      <c r="AI12" s="660"/>
      <c r="AJ12" s="660"/>
      <c r="AK12" s="660"/>
      <c r="AL12" s="624">
        <v>0.1</v>
      </c>
      <c r="AM12" s="625"/>
      <c r="AN12" s="625"/>
      <c r="AO12" s="661"/>
      <c r="AP12" s="618" t="s">
        <v>253</v>
      </c>
      <c r="AQ12" s="619"/>
      <c r="AR12" s="619"/>
      <c r="AS12" s="619"/>
      <c r="AT12" s="619"/>
      <c r="AU12" s="619"/>
      <c r="AV12" s="619"/>
      <c r="AW12" s="619"/>
      <c r="AX12" s="619"/>
      <c r="AY12" s="619"/>
      <c r="AZ12" s="619"/>
      <c r="BA12" s="619"/>
      <c r="BB12" s="619"/>
      <c r="BC12" s="619"/>
      <c r="BD12" s="619"/>
      <c r="BE12" s="619"/>
      <c r="BF12" s="620"/>
      <c r="BG12" s="621">
        <v>8833347</v>
      </c>
      <c r="BH12" s="622"/>
      <c r="BI12" s="622"/>
      <c r="BJ12" s="622"/>
      <c r="BK12" s="622"/>
      <c r="BL12" s="622"/>
      <c r="BM12" s="622"/>
      <c r="BN12" s="623"/>
      <c r="BO12" s="659">
        <v>43.3</v>
      </c>
      <c r="BP12" s="659"/>
      <c r="BQ12" s="659"/>
      <c r="BR12" s="659"/>
      <c r="BS12" s="660" t="s">
        <v>176</v>
      </c>
      <c r="BT12" s="660"/>
      <c r="BU12" s="660"/>
      <c r="BV12" s="660"/>
      <c r="BW12" s="660"/>
      <c r="BX12" s="660"/>
      <c r="BY12" s="660"/>
      <c r="BZ12" s="660"/>
      <c r="CA12" s="660"/>
      <c r="CB12" s="700"/>
      <c r="CD12" s="618" t="s">
        <v>254</v>
      </c>
      <c r="CE12" s="619"/>
      <c r="CF12" s="619"/>
      <c r="CG12" s="619"/>
      <c r="CH12" s="619"/>
      <c r="CI12" s="619"/>
      <c r="CJ12" s="619"/>
      <c r="CK12" s="619"/>
      <c r="CL12" s="619"/>
      <c r="CM12" s="619"/>
      <c r="CN12" s="619"/>
      <c r="CO12" s="619"/>
      <c r="CP12" s="619"/>
      <c r="CQ12" s="620"/>
      <c r="CR12" s="621">
        <v>512266</v>
      </c>
      <c r="CS12" s="622"/>
      <c r="CT12" s="622"/>
      <c r="CU12" s="622"/>
      <c r="CV12" s="622"/>
      <c r="CW12" s="622"/>
      <c r="CX12" s="622"/>
      <c r="CY12" s="623"/>
      <c r="CZ12" s="659">
        <v>1</v>
      </c>
      <c r="DA12" s="659"/>
      <c r="DB12" s="659"/>
      <c r="DC12" s="659"/>
      <c r="DD12" s="627">
        <v>25005</v>
      </c>
      <c r="DE12" s="622"/>
      <c r="DF12" s="622"/>
      <c r="DG12" s="622"/>
      <c r="DH12" s="622"/>
      <c r="DI12" s="622"/>
      <c r="DJ12" s="622"/>
      <c r="DK12" s="622"/>
      <c r="DL12" s="622"/>
      <c r="DM12" s="622"/>
      <c r="DN12" s="622"/>
      <c r="DO12" s="622"/>
      <c r="DP12" s="623"/>
      <c r="DQ12" s="627">
        <v>408440</v>
      </c>
      <c r="DR12" s="622"/>
      <c r="DS12" s="622"/>
      <c r="DT12" s="622"/>
      <c r="DU12" s="622"/>
      <c r="DV12" s="622"/>
      <c r="DW12" s="622"/>
      <c r="DX12" s="622"/>
      <c r="DY12" s="622"/>
      <c r="DZ12" s="622"/>
      <c r="EA12" s="622"/>
      <c r="EB12" s="622"/>
      <c r="EC12" s="658"/>
    </row>
    <row r="13" spans="2:143" ht="11.25" customHeight="1" x14ac:dyDescent="0.2">
      <c r="B13" s="618" t="s">
        <v>255</v>
      </c>
      <c r="C13" s="619"/>
      <c r="D13" s="619"/>
      <c r="E13" s="619"/>
      <c r="F13" s="619"/>
      <c r="G13" s="619"/>
      <c r="H13" s="619"/>
      <c r="I13" s="619"/>
      <c r="J13" s="619"/>
      <c r="K13" s="619"/>
      <c r="L13" s="619"/>
      <c r="M13" s="619"/>
      <c r="N13" s="619"/>
      <c r="O13" s="619"/>
      <c r="P13" s="619"/>
      <c r="Q13" s="620"/>
      <c r="R13" s="621" t="s">
        <v>176</v>
      </c>
      <c r="S13" s="622"/>
      <c r="T13" s="622"/>
      <c r="U13" s="622"/>
      <c r="V13" s="622"/>
      <c r="W13" s="622"/>
      <c r="X13" s="622"/>
      <c r="Y13" s="623"/>
      <c r="Z13" s="659" t="s">
        <v>246</v>
      </c>
      <c r="AA13" s="659"/>
      <c r="AB13" s="659"/>
      <c r="AC13" s="659"/>
      <c r="AD13" s="660" t="s">
        <v>246</v>
      </c>
      <c r="AE13" s="660"/>
      <c r="AF13" s="660"/>
      <c r="AG13" s="660"/>
      <c r="AH13" s="660"/>
      <c r="AI13" s="660"/>
      <c r="AJ13" s="660"/>
      <c r="AK13" s="660"/>
      <c r="AL13" s="624" t="s">
        <v>137</v>
      </c>
      <c r="AM13" s="625"/>
      <c r="AN13" s="625"/>
      <c r="AO13" s="661"/>
      <c r="AP13" s="618" t="s">
        <v>256</v>
      </c>
      <c r="AQ13" s="619"/>
      <c r="AR13" s="619"/>
      <c r="AS13" s="619"/>
      <c r="AT13" s="619"/>
      <c r="AU13" s="619"/>
      <c r="AV13" s="619"/>
      <c r="AW13" s="619"/>
      <c r="AX13" s="619"/>
      <c r="AY13" s="619"/>
      <c r="AZ13" s="619"/>
      <c r="BA13" s="619"/>
      <c r="BB13" s="619"/>
      <c r="BC13" s="619"/>
      <c r="BD13" s="619"/>
      <c r="BE13" s="619"/>
      <c r="BF13" s="620"/>
      <c r="BG13" s="621">
        <v>8547966</v>
      </c>
      <c r="BH13" s="622"/>
      <c r="BI13" s="622"/>
      <c r="BJ13" s="622"/>
      <c r="BK13" s="622"/>
      <c r="BL13" s="622"/>
      <c r="BM13" s="622"/>
      <c r="BN13" s="623"/>
      <c r="BO13" s="659">
        <v>41.9</v>
      </c>
      <c r="BP13" s="659"/>
      <c r="BQ13" s="659"/>
      <c r="BR13" s="659"/>
      <c r="BS13" s="660" t="s">
        <v>137</v>
      </c>
      <c r="BT13" s="660"/>
      <c r="BU13" s="660"/>
      <c r="BV13" s="660"/>
      <c r="BW13" s="660"/>
      <c r="BX13" s="660"/>
      <c r="BY13" s="660"/>
      <c r="BZ13" s="660"/>
      <c r="CA13" s="660"/>
      <c r="CB13" s="700"/>
      <c r="CD13" s="618" t="s">
        <v>257</v>
      </c>
      <c r="CE13" s="619"/>
      <c r="CF13" s="619"/>
      <c r="CG13" s="619"/>
      <c r="CH13" s="619"/>
      <c r="CI13" s="619"/>
      <c r="CJ13" s="619"/>
      <c r="CK13" s="619"/>
      <c r="CL13" s="619"/>
      <c r="CM13" s="619"/>
      <c r="CN13" s="619"/>
      <c r="CO13" s="619"/>
      <c r="CP13" s="619"/>
      <c r="CQ13" s="620"/>
      <c r="CR13" s="621">
        <v>2669479</v>
      </c>
      <c r="CS13" s="622"/>
      <c r="CT13" s="622"/>
      <c r="CU13" s="622"/>
      <c r="CV13" s="622"/>
      <c r="CW13" s="622"/>
      <c r="CX13" s="622"/>
      <c r="CY13" s="623"/>
      <c r="CZ13" s="659">
        <v>5.4</v>
      </c>
      <c r="DA13" s="659"/>
      <c r="DB13" s="659"/>
      <c r="DC13" s="659"/>
      <c r="DD13" s="627">
        <v>332610</v>
      </c>
      <c r="DE13" s="622"/>
      <c r="DF13" s="622"/>
      <c r="DG13" s="622"/>
      <c r="DH13" s="622"/>
      <c r="DI13" s="622"/>
      <c r="DJ13" s="622"/>
      <c r="DK13" s="622"/>
      <c r="DL13" s="622"/>
      <c r="DM13" s="622"/>
      <c r="DN13" s="622"/>
      <c r="DO13" s="622"/>
      <c r="DP13" s="623"/>
      <c r="DQ13" s="627">
        <v>2106119</v>
      </c>
      <c r="DR13" s="622"/>
      <c r="DS13" s="622"/>
      <c r="DT13" s="622"/>
      <c r="DU13" s="622"/>
      <c r="DV13" s="622"/>
      <c r="DW13" s="622"/>
      <c r="DX13" s="622"/>
      <c r="DY13" s="622"/>
      <c r="DZ13" s="622"/>
      <c r="EA13" s="622"/>
      <c r="EB13" s="622"/>
      <c r="EC13" s="658"/>
    </row>
    <row r="14" spans="2:143" ht="11.25" customHeight="1" x14ac:dyDescent="0.2">
      <c r="B14" s="618" t="s">
        <v>258</v>
      </c>
      <c r="C14" s="619"/>
      <c r="D14" s="619"/>
      <c r="E14" s="619"/>
      <c r="F14" s="619"/>
      <c r="G14" s="619"/>
      <c r="H14" s="619"/>
      <c r="I14" s="619"/>
      <c r="J14" s="619"/>
      <c r="K14" s="619"/>
      <c r="L14" s="619"/>
      <c r="M14" s="619"/>
      <c r="N14" s="619"/>
      <c r="O14" s="619"/>
      <c r="P14" s="619"/>
      <c r="Q14" s="620"/>
      <c r="R14" s="621">
        <v>8</v>
      </c>
      <c r="S14" s="622"/>
      <c r="T14" s="622"/>
      <c r="U14" s="622"/>
      <c r="V14" s="622"/>
      <c r="W14" s="622"/>
      <c r="X14" s="622"/>
      <c r="Y14" s="623"/>
      <c r="Z14" s="659">
        <v>0</v>
      </c>
      <c r="AA14" s="659"/>
      <c r="AB14" s="659"/>
      <c r="AC14" s="659"/>
      <c r="AD14" s="660">
        <v>8</v>
      </c>
      <c r="AE14" s="660"/>
      <c r="AF14" s="660"/>
      <c r="AG14" s="660"/>
      <c r="AH14" s="660"/>
      <c r="AI14" s="660"/>
      <c r="AJ14" s="660"/>
      <c r="AK14" s="660"/>
      <c r="AL14" s="624">
        <v>0</v>
      </c>
      <c r="AM14" s="625"/>
      <c r="AN14" s="625"/>
      <c r="AO14" s="661"/>
      <c r="AP14" s="618" t="s">
        <v>259</v>
      </c>
      <c r="AQ14" s="619"/>
      <c r="AR14" s="619"/>
      <c r="AS14" s="619"/>
      <c r="AT14" s="619"/>
      <c r="AU14" s="619"/>
      <c r="AV14" s="619"/>
      <c r="AW14" s="619"/>
      <c r="AX14" s="619"/>
      <c r="AY14" s="619"/>
      <c r="AZ14" s="619"/>
      <c r="BA14" s="619"/>
      <c r="BB14" s="619"/>
      <c r="BC14" s="619"/>
      <c r="BD14" s="619"/>
      <c r="BE14" s="619"/>
      <c r="BF14" s="620"/>
      <c r="BG14" s="621">
        <v>155464</v>
      </c>
      <c r="BH14" s="622"/>
      <c r="BI14" s="622"/>
      <c r="BJ14" s="622"/>
      <c r="BK14" s="622"/>
      <c r="BL14" s="622"/>
      <c r="BM14" s="622"/>
      <c r="BN14" s="623"/>
      <c r="BO14" s="659">
        <v>0.8</v>
      </c>
      <c r="BP14" s="659"/>
      <c r="BQ14" s="659"/>
      <c r="BR14" s="659"/>
      <c r="BS14" s="660" t="s">
        <v>176</v>
      </c>
      <c r="BT14" s="660"/>
      <c r="BU14" s="660"/>
      <c r="BV14" s="660"/>
      <c r="BW14" s="660"/>
      <c r="BX14" s="660"/>
      <c r="BY14" s="660"/>
      <c r="BZ14" s="660"/>
      <c r="CA14" s="660"/>
      <c r="CB14" s="700"/>
      <c r="CD14" s="618" t="s">
        <v>260</v>
      </c>
      <c r="CE14" s="619"/>
      <c r="CF14" s="619"/>
      <c r="CG14" s="619"/>
      <c r="CH14" s="619"/>
      <c r="CI14" s="619"/>
      <c r="CJ14" s="619"/>
      <c r="CK14" s="619"/>
      <c r="CL14" s="619"/>
      <c r="CM14" s="619"/>
      <c r="CN14" s="619"/>
      <c r="CO14" s="619"/>
      <c r="CP14" s="619"/>
      <c r="CQ14" s="620"/>
      <c r="CR14" s="621">
        <v>1410392</v>
      </c>
      <c r="CS14" s="622"/>
      <c r="CT14" s="622"/>
      <c r="CU14" s="622"/>
      <c r="CV14" s="622"/>
      <c r="CW14" s="622"/>
      <c r="CX14" s="622"/>
      <c r="CY14" s="623"/>
      <c r="CZ14" s="659">
        <v>2.8</v>
      </c>
      <c r="DA14" s="659"/>
      <c r="DB14" s="659"/>
      <c r="DC14" s="659"/>
      <c r="DD14" s="627">
        <v>57611</v>
      </c>
      <c r="DE14" s="622"/>
      <c r="DF14" s="622"/>
      <c r="DG14" s="622"/>
      <c r="DH14" s="622"/>
      <c r="DI14" s="622"/>
      <c r="DJ14" s="622"/>
      <c r="DK14" s="622"/>
      <c r="DL14" s="622"/>
      <c r="DM14" s="622"/>
      <c r="DN14" s="622"/>
      <c r="DO14" s="622"/>
      <c r="DP14" s="623"/>
      <c r="DQ14" s="627">
        <v>1190181</v>
      </c>
      <c r="DR14" s="622"/>
      <c r="DS14" s="622"/>
      <c r="DT14" s="622"/>
      <c r="DU14" s="622"/>
      <c r="DV14" s="622"/>
      <c r="DW14" s="622"/>
      <c r="DX14" s="622"/>
      <c r="DY14" s="622"/>
      <c r="DZ14" s="622"/>
      <c r="EA14" s="622"/>
      <c r="EB14" s="622"/>
      <c r="EC14" s="658"/>
    </row>
    <row r="15" spans="2:143" ht="11.25" customHeight="1" x14ac:dyDescent="0.2">
      <c r="B15" s="618" t="s">
        <v>261</v>
      </c>
      <c r="C15" s="619"/>
      <c r="D15" s="619"/>
      <c r="E15" s="619"/>
      <c r="F15" s="619"/>
      <c r="G15" s="619"/>
      <c r="H15" s="619"/>
      <c r="I15" s="619"/>
      <c r="J15" s="619"/>
      <c r="K15" s="619"/>
      <c r="L15" s="619"/>
      <c r="M15" s="619"/>
      <c r="N15" s="619"/>
      <c r="O15" s="619"/>
      <c r="P15" s="619"/>
      <c r="Q15" s="620"/>
      <c r="R15" s="621" t="s">
        <v>176</v>
      </c>
      <c r="S15" s="622"/>
      <c r="T15" s="622"/>
      <c r="U15" s="622"/>
      <c r="V15" s="622"/>
      <c r="W15" s="622"/>
      <c r="X15" s="622"/>
      <c r="Y15" s="623"/>
      <c r="Z15" s="659" t="s">
        <v>246</v>
      </c>
      <c r="AA15" s="659"/>
      <c r="AB15" s="659"/>
      <c r="AC15" s="659"/>
      <c r="AD15" s="660" t="s">
        <v>246</v>
      </c>
      <c r="AE15" s="660"/>
      <c r="AF15" s="660"/>
      <c r="AG15" s="660"/>
      <c r="AH15" s="660"/>
      <c r="AI15" s="660"/>
      <c r="AJ15" s="660"/>
      <c r="AK15" s="660"/>
      <c r="AL15" s="624" t="s">
        <v>176</v>
      </c>
      <c r="AM15" s="625"/>
      <c r="AN15" s="625"/>
      <c r="AO15" s="661"/>
      <c r="AP15" s="618" t="s">
        <v>262</v>
      </c>
      <c r="AQ15" s="619"/>
      <c r="AR15" s="619"/>
      <c r="AS15" s="619"/>
      <c r="AT15" s="619"/>
      <c r="AU15" s="619"/>
      <c r="AV15" s="619"/>
      <c r="AW15" s="619"/>
      <c r="AX15" s="619"/>
      <c r="AY15" s="619"/>
      <c r="AZ15" s="619"/>
      <c r="BA15" s="619"/>
      <c r="BB15" s="619"/>
      <c r="BC15" s="619"/>
      <c r="BD15" s="619"/>
      <c r="BE15" s="619"/>
      <c r="BF15" s="620"/>
      <c r="BG15" s="621">
        <v>812602</v>
      </c>
      <c r="BH15" s="622"/>
      <c r="BI15" s="622"/>
      <c r="BJ15" s="622"/>
      <c r="BK15" s="622"/>
      <c r="BL15" s="622"/>
      <c r="BM15" s="622"/>
      <c r="BN15" s="623"/>
      <c r="BO15" s="659">
        <v>4</v>
      </c>
      <c r="BP15" s="659"/>
      <c r="BQ15" s="659"/>
      <c r="BR15" s="659"/>
      <c r="BS15" s="660" t="s">
        <v>246</v>
      </c>
      <c r="BT15" s="660"/>
      <c r="BU15" s="660"/>
      <c r="BV15" s="660"/>
      <c r="BW15" s="660"/>
      <c r="BX15" s="660"/>
      <c r="BY15" s="660"/>
      <c r="BZ15" s="660"/>
      <c r="CA15" s="660"/>
      <c r="CB15" s="700"/>
      <c r="CD15" s="618" t="s">
        <v>263</v>
      </c>
      <c r="CE15" s="619"/>
      <c r="CF15" s="619"/>
      <c r="CG15" s="619"/>
      <c r="CH15" s="619"/>
      <c r="CI15" s="619"/>
      <c r="CJ15" s="619"/>
      <c r="CK15" s="619"/>
      <c r="CL15" s="619"/>
      <c r="CM15" s="619"/>
      <c r="CN15" s="619"/>
      <c r="CO15" s="619"/>
      <c r="CP15" s="619"/>
      <c r="CQ15" s="620"/>
      <c r="CR15" s="621">
        <v>5669574</v>
      </c>
      <c r="CS15" s="622"/>
      <c r="CT15" s="622"/>
      <c r="CU15" s="622"/>
      <c r="CV15" s="622"/>
      <c r="CW15" s="622"/>
      <c r="CX15" s="622"/>
      <c r="CY15" s="623"/>
      <c r="CZ15" s="659">
        <v>11.4</v>
      </c>
      <c r="DA15" s="659"/>
      <c r="DB15" s="659"/>
      <c r="DC15" s="659"/>
      <c r="DD15" s="627">
        <v>1299086</v>
      </c>
      <c r="DE15" s="622"/>
      <c r="DF15" s="622"/>
      <c r="DG15" s="622"/>
      <c r="DH15" s="622"/>
      <c r="DI15" s="622"/>
      <c r="DJ15" s="622"/>
      <c r="DK15" s="622"/>
      <c r="DL15" s="622"/>
      <c r="DM15" s="622"/>
      <c r="DN15" s="622"/>
      <c r="DO15" s="622"/>
      <c r="DP15" s="623"/>
      <c r="DQ15" s="627">
        <v>4021860</v>
      </c>
      <c r="DR15" s="622"/>
      <c r="DS15" s="622"/>
      <c r="DT15" s="622"/>
      <c r="DU15" s="622"/>
      <c r="DV15" s="622"/>
      <c r="DW15" s="622"/>
      <c r="DX15" s="622"/>
      <c r="DY15" s="622"/>
      <c r="DZ15" s="622"/>
      <c r="EA15" s="622"/>
      <c r="EB15" s="622"/>
      <c r="EC15" s="658"/>
    </row>
    <row r="16" spans="2:143" ht="11.25" customHeight="1" x14ac:dyDescent="0.2">
      <c r="B16" s="618" t="s">
        <v>264</v>
      </c>
      <c r="C16" s="619"/>
      <c r="D16" s="619"/>
      <c r="E16" s="619"/>
      <c r="F16" s="619"/>
      <c r="G16" s="619"/>
      <c r="H16" s="619"/>
      <c r="I16" s="619"/>
      <c r="J16" s="619"/>
      <c r="K16" s="619"/>
      <c r="L16" s="619"/>
      <c r="M16" s="619"/>
      <c r="N16" s="619"/>
      <c r="O16" s="619"/>
      <c r="P16" s="619"/>
      <c r="Q16" s="620"/>
      <c r="R16" s="621">
        <v>45291</v>
      </c>
      <c r="S16" s="622"/>
      <c r="T16" s="622"/>
      <c r="U16" s="622"/>
      <c r="V16" s="622"/>
      <c r="W16" s="622"/>
      <c r="X16" s="622"/>
      <c r="Y16" s="623"/>
      <c r="Z16" s="659">
        <v>0.1</v>
      </c>
      <c r="AA16" s="659"/>
      <c r="AB16" s="659"/>
      <c r="AC16" s="659"/>
      <c r="AD16" s="660">
        <v>45291</v>
      </c>
      <c r="AE16" s="660"/>
      <c r="AF16" s="660"/>
      <c r="AG16" s="660"/>
      <c r="AH16" s="660"/>
      <c r="AI16" s="660"/>
      <c r="AJ16" s="660"/>
      <c r="AK16" s="660"/>
      <c r="AL16" s="624">
        <v>0.2</v>
      </c>
      <c r="AM16" s="625"/>
      <c r="AN16" s="625"/>
      <c r="AO16" s="661"/>
      <c r="AP16" s="618" t="s">
        <v>265</v>
      </c>
      <c r="AQ16" s="619"/>
      <c r="AR16" s="619"/>
      <c r="AS16" s="619"/>
      <c r="AT16" s="619"/>
      <c r="AU16" s="619"/>
      <c r="AV16" s="619"/>
      <c r="AW16" s="619"/>
      <c r="AX16" s="619"/>
      <c r="AY16" s="619"/>
      <c r="AZ16" s="619"/>
      <c r="BA16" s="619"/>
      <c r="BB16" s="619"/>
      <c r="BC16" s="619"/>
      <c r="BD16" s="619"/>
      <c r="BE16" s="619"/>
      <c r="BF16" s="620"/>
      <c r="BG16" s="621" t="s">
        <v>246</v>
      </c>
      <c r="BH16" s="622"/>
      <c r="BI16" s="622"/>
      <c r="BJ16" s="622"/>
      <c r="BK16" s="622"/>
      <c r="BL16" s="622"/>
      <c r="BM16" s="622"/>
      <c r="BN16" s="623"/>
      <c r="BO16" s="659" t="s">
        <v>246</v>
      </c>
      <c r="BP16" s="659"/>
      <c r="BQ16" s="659"/>
      <c r="BR16" s="659"/>
      <c r="BS16" s="660" t="s">
        <v>246</v>
      </c>
      <c r="BT16" s="660"/>
      <c r="BU16" s="660"/>
      <c r="BV16" s="660"/>
      <c r="BW16" s="660"/>
      <c r="BX16" s="660"/>
      <c r="BY16" s="660"/>
      <c r="BZ16" s="660"/>
      <c r="CA16" s="660"/>
      <c r="CB16" s="700"/>
      <c r="CD16" s="618" t="s">
        <v>266</v>
      </c>
      <c r="CE16" s="619"/>
      <c r="CF16" s="619"/>
      <c r="CG16" s="619"/>
      <c r="CH16" s="619"/>
      <c r="CI16" s="619"/>
      <c r="CJ16" s="619"/>
      <c r="CK16" s="619"/>
      <c r="CL16" s="619"/>
      <c r="CM16" s="619"/>
      <c r="CN16" s="619"/>
      <c r="CO16" s="619"/>
      <c r="CP16" s="619"/>
      <c r="CQ16" s="620"/>
      <c r="CR16" s="621" t="s">
        <v>137</v>
      </c>
      <c r="CS16" s="622"/>
      <c r="CT16" s="622"/>
      <c r="CU16" s="622"/>
      <c r="CV16" s="622"/>
      <c r="CW16" s="622"/>
      <c r="CX16" s="622"/>
      <c r="CY16" s="623"/>
      <c r="CZ16" s="659" t="s">
        <v>137</v>
      </c>
      <c r="DA16" s="659"/>
      <c r="DB16" s="659"/>
      <c r="DC16" s="659"/>
      <c r="DD16" s="627" t="s">
        <v>246</v>
      </c>
      <c r="DE16" s="622"/>
      <c r="DF16" s="622"/>
      <c r="DG16" s="622"/>
      <c r="DH16" s="622"/>
      <c r="DI16" s="622"/>
      <c r="DJ16" s="622"/>
      <c r="DK16" s="622"/>
      <c r="DL16" s="622"/>
      <c r="DM16" s="622"/>
      <c r="DN16" s="622"/>
      <c r="DO16" s="622"/>
      <c r="DP16" s="623"/>
      <c r="DQ16" s="627" t="s">
        <v>176</v>
      </c>
      <c r="DR16" s="622"/>
      <c r="DS16" s="622"/>
      <c r="DT16" s="622"/>
      <c r="DU16" s="622"/>
      <c r="DV16" s="622"/>
      <c r="DW16" s="622"/>
      <c r="DX16" s="622"/>
      <c r="DY16" s="622"/>
      <c r="DZ16" s="622"/>
      <c r="EA16" s="622"/>
      <c r="EB16" s="622"/>
      <c r="EC16" s="658"/>
    </row>
    <row r="17" spans="2:133" ht="11.25" customHeight="1" x14ac:dyDescent="0.2">
      <c r="B17" s="618" t="s">
        <v>267</v>
      </c>
      <c r="C17" s="619"/>
      <c r="D17" s="619"/>
      <c r="E17" s="619"/>
      <c r="F17" s="619"/>
      <c r="G17" s="619"/>
      <c r="H17" s="619"/>
      <c r="I17" s="619"/>
      <c r="J17" s="619"/>
      <c r="K17" s="619"/>
      <c r="L17" s="619"/>
      <c r="M17" s="619"/>
      <c r="N17" s="619"/>
      <c r="O17" s="619"/>
      <c r="P17" s="619"/>
      <c r="Q17" s="620"/>
      <c r="R17" s="621">
        <v>449237</v>
      </c>
      <c r="S17" s="622"/>
      <c r="T17" s="622"/>
      <c r="U17" s="622"/>
      <c r="V17" s="622"/>
      <c r="W17" s="622"/>
      <c r="X17" s="622"/>
      <c r="Y17" s="623"/>
      <c r="Z17" s="659">
        <v>0.9</v>
      </c>
      <c r="AA17" s="659"/>
      <c r="AB17" s="659"/>
      <c r="AC17" s="659"/>
      <c r="AD17" s="660">
        <v>449237</v>
      </c>
      <c r="AE17" s="660"/>
      <c r="AF17" s="660"/>
      <c r="AG17" s="660"/>
      <c r="AH17" s="660"/>
      <c r="AI17" s="660"/>
      <c r="AJ17" s="660"/>
      <c r="AK17" s="660"/>
      <c r="AL17" s="624">
        <v>2</v>
      </c>
      <c r="AM17" s="625"/>
      <c r="AN17" s="625"/>
      <c r="AO17" s="661"/>
      <c r="AP17" s="618" t="s">
        <v>268</v>
      </c>
      <c r="AQ17" s="619"/>
      <c r="AR17" s="619"/>
      <c r="AS17" s="619"/>
      <c r="AT17" s="619"/>
      <c r="AU17" s="619"/>
      <c r="AV17" s="619"/>
      <c r="AW17" s="619"/>
      <c r="AX17" s="619"/>
      <c r="AY17" s="619"/>
      <c r="AZ17" s="619"/>
      <c r="BA17" s="619"/>
      <c r="BB17" s="619"/>
      <c r="BC17" s="619"/>
      <c r="BD17" s="619"/>
      <c r="BE17" s="619"/>
      <c r="BF17" s="620"/>
      <c r="BG17" s="621" t="s">
        <v>176</v>
      </c>
      <c r="BH17" s="622"/>
      <c r="BI17" s="622"/>
      <c r="BJ17" s="622"/>
      <c r="BK17" s="622"/>
      <c r="BL17" s="622"/>
      <c r="BM17" s="622"/>
      <c r="BN17" s="623"/>
      <c r="BO17" s="659" t="s">
        <v>137</v>
      </c>
      <c r="BP17" s="659"/>
      <c r="BQ17" s="659"/>
      <c r="BR17" s="659"/>
      <c r="BS17" s="660" t="s">
        <v>246</v>
      </c>
      <c r="BT17" s="660"/>
      <c r="BU17" s="660"/>
      <c r="BV17" s="660"/>
      <c r="BW17" s="660"/>
      <c r="BX17" s="660"/>
      <c r="BY17" s="660"/>
      <c r="BZ17" s="660"/>
      <c r="CA17" s="660"/>
      <c r="CB17" s="700"/>
      <c r="CD17" s="618" t="s">
        <v>269</v>
      </c>
      <c r="CE17" s="619"/>
      <c r="CF17" s="619"/>
      <c r="CG17" s="619"/>
      <c r="CH17" s="619"/>
      <c r="CI17" s="619"/>
      <c r="CJ17" s="619"/>
      <c r="CK17" s="619"/>
      <c r="CL17" s="619"/>
      <c r="CM17" s="619"/>
      <c r="CN17" s="619"/>
      <c r="CO17" s="619"/>
      <c r="CP17" s="619"/>
      <c r="CQ17" s="620"/>
      <c r="CR17" s="621">
        <v>2239460</v>
      </c>
      <c r="CS17" s="622"/>
      <c r="CT17" s="622"/>
      <c r="CU17" s="622"/>
      <c r="CV17" s="622"/>
      <c r="CW17" s="622"/>
      <c r="CX17" s="622"/>
      <c r="CY17" s="623"/>
      <c r="CZ17" s="659">
        <v>4.5</v>
      </c>
      <c r="DA17" s="659"/>
      <c r="DB17" s="659"/>
      <c r="DC17" s="659"/>
      <c r="DD17" s="627" t="s">
        <v>246</v>
      </c>
      <c r="DE17" s="622"/>
      <c r="DF17" s="622"/>
      <c r="DG17" s="622"/>
      <c r="DH17" s="622"/>
      <c r="DI17" s="622"/>
      <c r="DJ17" s="622"/>
      <c r="DK17" s="622"/>
      <c r="DL17" s="622"/>
      <c r="DM17" s="622"/>
      <c r="DN17" s="622"/>
      <c r="DO17" s="622"/>
      <c r="DP17" s="623"/>
      <c r="DQ17" s="627">
        <v>2239460</v>
      </c>
      <c r="DR17" s="622"/>
      <c r="DS17" s="622"/>
      <c r="DT17" s="622"/>
      <c r="DU17" s="622"/>
      <c r="DV17" s="622"/>
      <c r="DW17" s="622"/>
      <c r="DX17" s="622"/>
      <c r="DY17" s="622"/>
      <c r="DZ17" s="622"/>
      <c r="EA17" s="622"/>
      <c r="EB17" s="622"/>
      <c r="EC17" s="658"/>
    </row>
    <row r="18" spans="2:133" ht="11.25" customHeight="1" x14ac:dyDescent="0.2">
      <c r="B18" s="618" t="s">
        <v>270</v>
      </c>
      <c r="C18" s="619"/>
      <c r="D18" s="619"/>
      <c r="E18" s="619"/>
      <c r="F18" s="619"/>
      <c r="G18" s="619"/>
      <c r="H18" s="619"/>
      <c r="I18" s="619"/>
      <c r="J18" s="619"/>
      <c r="K18" s="619"/>
      <c r="L18" s="619"/>
      <c r="M18" s="619"/>
      <c r="N18" s="619"/>
      <c r="O18" s="619"/>
      <c r="P18" s="619"/>
      <c r="Q18" s="620"/>
      <c r="R18" s="621">
        <v>152133</v>
      </c>
      <c r="S18" s="622"/>
      <c r="T18" s="622"/>
      <c r="U18" s="622"/>
      <c r="V18" s="622"/>
      <c r="W18" s="622"/>
      <c r="X18" s="622"/>
      <c r="Y18" s="623"/>
      <c r="Z18" s="659">
        <v>0.3</v>
      </c>
      <c r="AA18" s="659"/>
      <c r="AB18" s="659"/>
      <c r="AC18" s="659"/>
      <c r="AD18" s="660">
        <v>152133</v>
      </c>
      <c r="AE18" s="660"/>
      <c r="AF18" s="660"/>
      <c r="AG18" s="660"/>
      <c r="AH18" s="660"/>
      <c r="AI18" s="660"/>
      <c r="AJ18" s="660"/>
      <c r="AK18" s="660"/>
      <c r="AL18" s="624">
        <v>0.7</v>
      </c>
      <c r="AM18" s="625"/>
      <c r="AN18" s="625"/>
      <c r="AO18" s="661"/>
      <c r="AP18" s="618" t="s">
        <v>271</v>
      </c>
      <c r="AQ18" s="619"/>
      <c r="AR18" s="619"/>
      <c r="AS18" s="619"/>
      <c r="AT18" s="619"/>
      <c r="AU18" s="619"/>
      <c r="AV18" s="619"/>
      <c r="AW18" s="619"/>
      <c r="AX18" s="619"/>
      <c r="AY18" s="619"/>
      <c r="AZ18" s="619"/>
      <c r="BA18" s="619"/>
      <c r="BB18" s="619"/>
      <c r="BC18" s="619"/>
      <c r="BD18" s="619"/>
      <c r="BE18" s="619"/>
      <c r="BF18" s="620"/>
      <c r="BG18" s="621" t="s">
        <v>137</v>
      </c>
      <c r="BH18" s="622"/>
      <c r="BI18" s="622"/>
      <c r="BJ18" s="622"/>
      <c r="BK18" s="622"/>
      <c r="BL18" s="622"/>
      <c r="BM18" s="622"/>
      <c r="BN18" s="623"/>
      <c r="BO18" s="659" t="s">
        <v>176</v>
      </c>
      <c r="BP18" s="659"/>
      <c r="BQ18" s="659"/>
      <c r="BR18" s="659"/>
      <c r="BS18" s="660" t="s">
        <v>246</v>
      </c>
      <c r="BT18" s="660"/>
      <c r="BU18" s="660"/>
      <c r="BV18" s="660"/>
      <c r="BW18" s="660"/>
      <c r="BX18" s="660"/>
      <c r="BY18" s="660"/>
      <c r="BZ18" s="660"/>
      <c r="CA18" s="660"/>
      <c r="CB18" s="700"/>
      <c r="CD18" s="618" t="s">
        <v>272</v>
      </c>
      <c r="CE18" s="619"/>
      <c r="CF18" s="619"/>
      <c r="CG18" s="619"/>
      <c r="CH18" s="619"/>
      <c r="CI18" s="619"/>
      <c r="CJ18" s="619"/>
      <c r="CK18" s="619"/>
      <c r="CL18" s="619"/>
      <c r="CM18" s="619"/>
      <c r="CN18" s="619"/>
      <c r="CO18" s="619"/>
      <c r="CP18" s="619"/>
      <c r="CQ18" s="620"/>
      <c r="CR18" s="621" t="s">
        <v>176</v>
      </c>
      <c r="CS18" s="622"/>
      <c r="CT18" s="622"/>
      <c r="CU18" s="622"/>
      <c r="CV18" s="622"/>
      <c r="CW18" s="622"/>
      <c r="CX18" s="622"/>
      <c r="CY18" s="623"/>
      <c r="CZ18" s="659" t="s">
        <v>176</v>
      </c>
      <c r="DA18" s="659"/>
      <c r="DB18" s="659"/>
      <c r="DC18" s="659"/>
      <c r="DD18" s="627" t="s">
        <v>246</v>
      </c>
      <c r="DE18" s="622"/>
      <c r="DF18" s="622"/>
      <c r="DG18" s="622"/>
      <c r="DH18" s="622"/>
      <c r="DI18" s="622"/>
      <c r="DJ18" s="622"/>
      <c r="DK18" s="622"/>
      <c r="DL18" s="622"/>
      <c r="DM18" s="622"/>
      <c r="DN18" s="622"/>
      <c r="DO18" s="622"/>
      <c r="DP18" s="623"/>
      <c r="DQ18" s="627" t="s">
        <v>176</v>
      </c>
      <c r="DR18" s="622"/>
      <c r="DS18" s="622"/>
      <c r="DT18" s="622"/>
      <c r="DU18" s="622"/>
      <c r="DV18" s="622"/>
      <c r="DW18" s="622"/>
      <c r="DX18" s="622"/>
      <c r="DY18" s="622"/>
      <c r="DZ18" s="622"/>
      <c r="EA18" s="622"/>
      <c r="EB18" s="622"/>
      <c r="EC18" s="658"/>
    </row>
    <row r="19" spans="2:133" ht="11.25" customHeight="1" x14ac:dyDescent="0.2">
      <c r="B19" s="618" t="s">
        <v>273</v>
      </c>
      <c r="C19" s="619"/>
      <c r="D19" s="619"/>
      <c r="E19" s="619"/>
      <c r="F19" s="619"/>
      <c r="G19" s="619"/>
      <c r="H19" s="619"/>
      <c r="I19" s="619"/>
      <c r="J19" s="619"/>
      <c r="K19" s="619"/>
      <c r="L19" s="619"/>
      <c r="M19" s="619"/>
      <c r="N19" s="619"/>
      <c r="O19" s="619"/>
      <c r="P19" s="619"/>
      <c r="Q19" s="620"/>
      <c r="R19" s="621">
        <v>150012</v>
      </c>
      <c r="S19" s="622"/>
      <c r="T19" s="622"/>
      <c r="U19" s="622"/>
      <c r="V19" s="622"/>
      <c r="W19" s="622"/>
      <c r="X19" s="622"/>
      <c r="Y19" s="623"/>
      <c r="Z19" s="659">
        <v>0.3</v>
      </c>
      <c r="AA19" s="659"/>
      <c r="AB19" s="659"/>
      <c r="AC19" s="659"/>
      <c r="AD19" s="660">
        <v>150012</v>
      </c>
      <c r="AE19" s="660"/>
      <c r="AF19" s="660"/>
      <c r="AG19" s="660"/>
      <c r="AH19" s="660"/>
      <c r="AI19" s="660"/>
      <c r="AJ19" s="660"/>
      <c r="AK19" s="660"/>
      <c r="AL19" s="624">
        <v>0.7</v>
      </c>
      <c r="AM19" s="625"/>
      <c r="AN19" s="625"/>
      <c r="AO19" s="661"/>
      <c r="AP19" s="618" t="s">
        <v>274</v>
      </c>
      <c r="AQ19" s="619"/>
      <c r="AR19" s="619"/>
      <c r="AS19" s="619"/>
      <c r="AT19" s="619"/>
      <c r="AU19" s="619"/>
      <c r="AV19" s="619"/>
      <c r="AW19" s="619"/>
      <c r="AX19" s="619"/>
      <c r="AY19" s="619"/>
      <c r="AZ19" s="619"/>
      <c r="BA19" s="619"/>
      <c r="BB19" s="619"/>
      <c r="BC19" s="619"/>
      <c r="BD19" s="619"/>
      <c r="BE19" s="619"/>
      <c r="BF19" s="620"/>
      <c r="BG19" s="621">
        <v>1590024</v>
      </c>
      <c r="BH19" s="622"/>
      <c r="BI19" s="622"/>
      <c r="BJ19" s="622"/>
      <c r="BK19" s="622"/>
      <c r="BL19" s="622"/>
      <c r="BM19" s="622"/>
      <c r="BN19" s="623"/>
      <c r="BO19" s="659">
        <v>7.8</v>
      </c>
      <c r="BP19" s="659"/>
      <c r="BQ19" s="659"/>
      <c r="BR19" s="659"/>
      <c r="BS19" s="660" t="s">
        <v>246</v>
      </c>
      <c r="BT19" s="660"/>
      <c r="BU19" s="660"/>
      <c r="BV19" s="660"/>
      <c r="BW19" s="660"/>
      <c r="BX19" s="660"/>
      <c r="BY19" s="660"/>
      <c r="BZ19" s="660"/>
      <c r="CA19" s="660"/>
      <c r="CB19" s="700"/>
      <c r="CD19" s="618" t="s">
        <v>275</v>
      </c>
      <c r="CE19" s="619"/>
      <c r="CF19" s="619"/>
      <c r="CG19" s="619"/>
      <c r="CH19" s="619"/>
      <c r="CI19" s="619"/>
      <c r="CJ19" s="619"/>
      <c r="CK19" s="619"/>
      <c r="CL19" s="619"/>
      <c r="CM19" s="619"/>
      <c r="CN19" s="619"/>
      <c r="CO19" s="619"/>
      <c r="CP19" s="619"/>
      <c r="CQ19" s="620"/>
      <c r="CR19" s="621" t="s">
        <v>246</v>
      </c>
      <c r="CS19" s="622"/>
      <c r="CT19" s="622"/>
      <c r="CU19" s="622"/>
      <c r="CV19" s="622"/>
      <c r="CW19" s="622"/>
      <c r="CX19" s="622"/>
      <c r="CY19" s="623"/>
      <c r="CZ19" s="659" t="s">
        <v>176</v>
      </c>
      <c r="DA19" s="659"/>
      <c r="DB19" s="659"/>
      <c r="DC19" s="659"/>
      <c r="DD19" s="627" t="s">
        <v>176</v>
      </c>
      <c r="DE19" s="622"/>
      <c r="DF19" s="622"/>
      <c r="DG19" s="622"/>
      <c r="DH19" s="622"/>
      <c r="DI19" s="622"/>
      <c r="DJ19" s="622"/>
      <c r="DK19" s="622"/>
      <c r="DL19" s="622"/>
      <c r="DM19" s="622"/>
      <c r="DN19" s="622"/>
      <c r="DO19" s="622"/>
      <c r="DP19" s="623"/>
      <c r="DQ19" s="627" t="s">
        <v>246</v>
      </c>
      <c r="DR19" s="622"/>
      <c r="DS19" s="622"/>
      <c r="DT19" s="622"/>
      <c r="DU19" s="622"/>
      <c r="DV19" s="622"/>
      <c r="DW19" s="622"/>
      <c r="DX19" s="622"/>
      <c r="DY19" s="622"/>
      <c r="DZ19" s="622"/>
      <c r="EA19" s="622"/>
      <c r="EB19" s="622"/>
      <c r="EC19" s="658"/>
    </row>
    <row r="20" spans="2:133" ht="11.25" customHeight="1" x14ac:dyDescent="0.2">
      <c r="B20" s="688" t="s">
        <v>276</v>
      </c>
      <c r="C20" s="689"/>
      <c r="D20" s="689"/>
      <c r="E20" s="689"/>
      <c r="F20" s="689"/>
      <c r="G20" s="689"/>
      <c r="H20" s="689"/>
      <c r="I20" s="689"/>
      <c r="J20" s="689"/>
      <c r="K20" s="689"/>
      <c r="L20" s="689"/>
      <c r="M20" s="689"/>
      <c r="N20" s="689"/>
      <c r="O20" s="689"/>
      <c r="P20" s="689"/>
      <c r="Q20" s="690"/>
      <c r="R20" s="621">
        <v>2121</v>
      </c>
      <c r="S20" s="622"/>
      <c r="T20" s="622"/>
      <c r="U20" s="622"/>
      <c r="V20" s="622"/>
      <c r="W20" s="622"/>
      <c r="X20" s="622"/>
      <c r="Y20" s="623"/>
      <c r="Z20" s="659">
        <v>0</v>
      </c>
      <c r="AA20" s="659"/>
      <c r="AB20" s="659"/>
      <c r="AC20" s="659"/>
      <c r="AD20" s="660">
        <v>2121</v>
      </c>
      <c r="AE20" s="660"/>
      <c r="AF20" s="660"/>
      <c r="AG20" s="660"/>
      <c r="AH20" s="660"/>
      <c r="AI20" s="660"/>
      <c r="AJ20" s="660"/>
      <c r="AK20" s="660"/>
      <c r="AL20" s="624">
        <v>0</v>
      </c>
      <c r="AM20" s="625"/>
      <c r="AN20" s="625"/>
      <c r="AO20" s="661"/>
      <c r="AP20" s="618" t="s">
        <v>277</v>
      </c>
      <c r="AQ20" s="619"/>
      <c r="AR20" s="619"/>
      <c r="AS20" s="619"/>
      <c r="AT20" s="619"/>
      <c r="AU20" s="619"/>
      <c r="AV20" s="619"/>
      <c r="AW20" s="619"/>
      <c r="AX20" s="619"/>
      <c r="AY20" s="619"/>
      <c r="AZ20" s="619"/>
      <c r="BA20" s="619"/>
      <c r="BB20" s="619"/>
      <c r="BC20" s="619"/>
      <c r="BD20" s="619"/>
      <c r="BE20" s="619"/>
      <c r="BF20" s="620"/>
      <c r="BG20" s="621">
        <v>1590024</v>
      </c>
      <c r="BH20" s="622"/>
      <c r="BI20" s="622"/>
      <c r="BJ20" s="622"/>
      <c r="BK20" s="622"/>
      <c r="BL20" s="622"/>
      <c r="BM20" s="622"/>
      <c r="BN20" s="623"/>
      <c r="BO20" s="659">
        <v>7.8</v>
      </c>
      <c r="BP20" s="659"/>
      <c r="BQ20" s="659"/>
      <c r="BR20" s="659"/>
      <c r="BS20" s="660" t="s">
        <v>137</v>
      </c>
      <c r="BT20" s="660"/>
      <c r="BU20" s="660"/>
      <c r="BV20" s="660"/>
      <c r="BW20" s="660"/>
      <c r="BX20" s="660"/>
      <c r="BY20" s="660"/>
      <c r="BZ20" s="660"/>
      <c r="CA20" s="660"/>
      <c r="CB20" s="700"/>
      <c r="CD20" s="618" t="s">
        <v>278</v>
      </c>
      <c r="CE20" s="619"/>
      <c r="CF20" s="619"/>
      <c r="CG20" s="619"/>
      <c r="CH20" s="619"/>
      <c r="CI20" s="619"/>
      <c r="CJ20" s="619"/>
      <c r="CK20" s="619"/>
      <c r="CL20" s="619"/>
      <c r="CM20" s="619"/>
      <c r="CN20" s="619"/>
      <c r="CO20" s="619"/>
      <c r="CP20" s="619"/>
      <c r="CQ20" s="620"/>
      <c r="CR20" s="621">
        <v>49629263</v>
      </c>
      <c r="CS20" s="622"/>
      <c r="CT20" s="622"/>
      <c r="CU20" s="622"/>
      <c r="CV20" s="622"/>
      <c r="CW20" s="622"/>
      <c r="CX20" s="622"/>
      <c r="CY20" s="623"/>
      <c r="CZ20" s="659">
        <v>100</v>
      </c>
      <c r="DA20" s="659"/>
      <c r="DB20" s="659"/>
      <c r="DC20" s="659"/>
      <c r="DD20" s="627">
        <v>3025535</v>
      </c>
      <c r="DE20" s="622"/>
      <c r="DF20" s="622"/>
      <c r="DG20" s="622"/>
      <c r="DH20" s="622"/>
      <c r="DI20" s="622"/>
      <c r="DJ20" s="622"/>
      <c r="DK20" s="622"/>
      <c r="DL20" s="622"/>
      <c r="DM20" s="622"/>
      <c r="DN20" s="622"/>
      <c r="DO20" s="622"/>
      <c r="DP20" s="623"/>
      <c r="DQ20" s="627">
        <v>28816698</v>
      </c>
      <c r="DR20" s="622"/>
      <c r="DS20" s="622"/>
      <c r="DT20" s="622"/>
      <c r="DU20" s="622"/>
      <c r="DV20" s="622"/>
      <c r="DW20" s="622"/>
      <c r="DX20" s="622"/>
      <c r="DY20" s="622"/>
      <c r="DZ20" s="622"/>
      <c r="EA20" s="622"/>
      <c r="EB20" s="622"/>
      <c r="EC20" s="658"/>
    </row>
    <row r="21" spans="2:133" ht="11.25" customHeight="1" x14ac:dyDescent="0.2">
      <c r="B21" s="618" t="s">
        <v>279</v>
      </c>
      <c r="C21" s="619"/>
      <c r="D21" s="619"/>
      <c r="E21" s="619"/>
      <c r="F21" s="619"/>
      <c r="G21" s="619"/>
      <c r="H21" s="619"/>
      <c r="I21" s="619"/>
      <c r="J21" s="619"/>
      <c r="K21" s="619"/>
      <c r="L21" s="619"/>
      <c r="M21" s="619"/>
      <c r="N21" s="619"/>
      <c r="O21" s="619"/>
      <c r="P21" s="619"/>
      <c r="Q21" s="620"/>
      <c r="R21" s="621">
        <v>119858</v>
      </c>
      <c r="S21" s="622"/>
      <c r="T21" s="622"/>
      <c r="U21" s="622"/>
      <c r="V21" s="622"/>
      <c r="W21" s="622"/>
      <c r="X21" s="622"/>
      <c r="Y21" s="623"/>
      <c r="Z21" s="659">
        <v>0.2</v>
      </c>
      <c r="AA21" s="659"/>
      <c r="AB21" s="659"/>
      <c r="AC21" s="659"/>
      <c r="AD21" s="660" t="s">
        <v>176</v>
      </c>
      <c r="AE21" s="660"/>
      <c r="AF21" s="660"/>
      <c r="AG21" s="660"/>
      <c r="AH21" s="660"/>
      <c r="AI21" s="660"/>
      <c r="AJ21" s="660"/>
      <c r="AK21" s="660"/>
      <c r="AL21" s="624" t="s">
        <v>246</v>
      </c>
      <c r="AM21" s="625"/>
      <c r="AN21" s="625"/>
      <c r="AO21" s="661"/>
      <c r="AP21" s="618" t="s">
        <v>280</v>
      </c>
      <c r="AQ21" s="698"/>
      <c r="AR21" s="698"/>
      <c r="AS21" s="698"/>
      <c r="AT21" s="698"/>
      <c r="AU21" s="698"/>
      <c r="AV21" s="698"/>
      <c r="AW21" s="698"/>
      <c r="AX21" s="698"/>
      <c r="AY21" s="698"/>
      <c r="AZ21" s="698"/>
      <c r="BA21" s="698"/>
      <c r="BB21" s="698"/>
      <c r="BC21" s="698"/>
      <c r="BD21" s="698"/>
      <c r="BE21" s="698"/>
      <c r="BF21" s="699"/>
      <c r="BG21" s="621" t="s">
        <v>137</v>
      </c>
      <c r="BH21" s="622"/>
      <c r="BI21" s="622"/>
      <c r="BJ21" s="622"/>
      <c r="BK21" s="622"/>
      <c r="BL21" s="622"/>
      <c r="BM21" s="622"/>
      <c r="BN21" s="623"/>
      <c r="BO21" s="659" t="s">
        <v>176</v>
      </c>
      <c r="BP21" s="659"/>
      <c r="BQ21" s="659"/>
      <c r="BR21" s="659"/>
      <c r="BS21" s="660" t="s">
        <v>176</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1</v>
      </c>
      <c r="C22" s="619"/>
      <c r="D22" s="619"/>
      <c r="E22" s="619"/>
      <c r="F22" s="619"/>
      <c r="G22" s="619"/>
      <c r="H22" s="619"/>
      <c r="I22" s="619"/>
      <c r="J22" s="619"/>
      <c r="K22" s="619"/>
      <c r="L22" s="619"/>
      <c r="M22" s="619"/>
      <c r="N22" s="619"/>
      <c r="O22" s="619"/>
      <c r="P22" s="619"/>
      <c r="Q22" s="620"/>
      <c r="R22" s="621" t="s">
        <v>176</v>
      </c>
      <c r="S22" s="622"/>
      <c r="T22" s="622"/>
      <c r="U22" s="622"/>
      <c r="V22" s="622"/>
      <c r="W22" s="622"/>
      <c r="X22" s="622"/>
      <c r="Y22" s="623"/>
      <c r="Z22" s="659" t="s">
        <v>246</v>
      </c>
      <c r="AA22" s="659"/>
      <c r="AB22" s="659"/>
      <c r="AC22" s="659"/>
      <c r="AD22" s="660" t="s">
        <v>246</v>
      </c>
      <c r="AE22" s="660"/>
      <c r="AF22" s="660"/>
      <c r="AG22" s="660"/>
      <c r="AH22" s="660"/>
      <c r="AI22" s="660"/>
      <c r="AJ22" s="660"/>
      <c r="AK22" s="660"/>
      <c r="AL22" s="624" t="s">
        <v>176</v>
      </c>
      <c r="AM22" s="625"/>
      <c r="AN22" s="625"/>
      <c r="AO22" s="661"/>
      <c r="AP22" s="618" t="s">
        <v>282</v>
      </c>
      <c r="AQ22" s="698"/>
      <c r="AR22" s="698"/>
      <c r="AS22" s="698"/>
      <c r="AT22" s="698"/>
      <c r="AU22" s="698"/>
      <c r="AV22" s="698"/>
      <c r="AW22" s="698"/>
      <c r="AX22" s="698"/>
      <c r="AY22" s="698"/>
      <c r="AZ22" s="698"/>
      <c r="BA22" s="698"/>
      <c r="BB22" s="698"/>
      <c r="BC22" s="698"/>
      <c r="BD22" s="698"/>
      <c r="BE22" s="698"/>
      <c r="BF22" s="699"/>
      <c r="BG22" s="621" t="s">
        <v>176</v>
      </c>
      <c r="BH22" s="622"/>
      <c r="BI22" s="622"/>
      <c r="BJ22" s="622"/>
      <c r="BK22" s="622"/>
      <c r="BL22" s="622"/>
      <c r="BM22" s="622"/>
      <c r="BN22" s="623"/>
      <c r="BO22" s="659" t="s">
        <v>246</v>
      </c>
      <c r="BP22" s="659"/>
      <c r="BQ22" s="659"/>
      <c r="BR22" s="659"/>
      <c r="BS22" s="660" t="s">
        <v>176</v>
      </c>
      <c r="BT22" s="660"/>
      <c r="BU22" s="660"/>
      <c r="BV22" s="660"/>
      <c r="BW22" s="660"/>
      <c r="BX22" s="660"/>
      <c r="BY22" s="660"/>
      <c r="BZ22" s="660"/>
      <c r="CA22" s="660"/>
      <c r="CB22" s="700"/>
      <c r="CD22" s="673" t="s">
        <v>283</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4</v>
      </c>
      <c r="C23" s="619"/>
      <c r="D23" s="619"/>
      <c r="E23" s="619"/>
      <c r="F23" s="619"/>
      <c r="G23" s="619"/>
      <c r="H23" s="619"/>
      <c r="I23" s="619"/>
      <c r="J23" s="619"/>
      <c r="K23" s="619"/>
      <c r="L23" s="619"/>
      <c r="M23" s="619"/>
      <c r="N23" s="619"/>
      <c r="O23" s="619"/>
      <c r="P23" s="619"/>
      <c r="Q23" s="620"/>
      <c r="R23" s="621">
        <v>119815</v>
      </c>
      <c r="S23" s="622"/>
      <c r="T23" s="622"/>
      <c r="U23" s="622"/>
      <c r="V23" s="622"/>
      <c r="W23" s="622"/>
      <c r="X23" s="622"/>
      <c r="Y23" s="623"/>
      <c r="Z23" s="659">
        <v>0.2</v>
      </c>
      <c r="AA23" s="659"/>
      <c r="AB23" s="659"/>
      <c r="AC23" s="659"/>
      <c r="AD23" s="660" t="s">
        <v>176</v>
      </c>
      <c r="AE23" s="660"/>
      <c r="AF23" s="660"/>
      <c r="AG23" s="660"/>
      <c r="AH23" s="660"/>
      <c r="AI23" s="660"/>
      <c r="AJ23" s="660"/>
      <c r="AK23" s="660"/>
      <c r="AL23" s="624" t="s">
        <v>176</v>
      </c>
      <c r="AM23" s="625"/>
      <c r="AN23" s="625"/>
      <c r="AO23" s="661"/>
      <c r="AP23" s="618" t="s">
        <v>285</v>
      </c>
      <c r="AQ23" s="698"/>
      <c r="AR23" s="698"/>
      <c r="AS23" s="698"/>
      <c r="AT23" s="698"/>
      <c r="AU23" s="698"/>
      <c r="AV23" s="698"/>
      <c r="AW23" s="698"/>
      <c r="AX23" s="698"/>
      <c r="AY23" s="698"/>
      <c r="AZ23" s="698"/>
      <c r="BA23" s="698"/>
      <c r="BB23" s="698"/>
      <c r="BC23" s="698"/>
      <c r="BD23" s="698"/>
      <c r="BE23" s="698"/>
      <c r="BF23" s="699"/>
      <c r="BG23" s="621">
        <v>1590024</v>
      </c>
      <c r="BH23" s="622"/>
      <c r="BI23" s="622"/>
      <c r="BJ23" s="622"/>
      <c r="BK23" s="622"/>
      <c r="BL23" s="622"/>
      <c r="BM23" s="622"/>
      <c r="BN23" s="623"/>
      <c r="BO23" s="659">
        <v>7.8</v>
      </c>
      <c r="BP23" s="659"/>
      <c r="BQ23" s="659"/>
      <c r="BR23" s="659"/>
      <c r="BS23" s="660" t="s">
        <v>176</v>
      </c>
      <c r="BT23" s="660"/>
      <c r="BU23" s="660"/>
      <c r="BV23" s="660"/>
      <c r="BW23" s="660"/>
      <c r="BX23" s="660"/>
      <c r="BY23" s="660"/>
      <c r="BZ23" s="660"/>
      <c r="CA23" s="660"/>
      <c r="CB23" s="700"/>
      <c r="CD23" s="673" t="s">
        <v>224</v>
      </c>
      <c r="CE23" s="674"/>
      <c r="CF23" s="674"/>
      <c r="CG23" s="674"/>
      <c r="CH23" s="674"/>
      <c r="CI23" s="674"/>
      <c r="CJ23" s="674"/>
      <c r="CK23" s="674"/>
      <c r="CL23" s="674"/>
      <c r="CM23" s="674"/>
      <c r="CN23" s="674"/>
      <c r="CO23" s="674"/>
      <c r="CP23" s="674"/>
      <c r="CQ23" s="675"/>
      <c r="CR23" s="673" t="s">
        <v>286</v>
      </c>
      <c r="CS23" s="674"/>
      <c r="CT23" s="674"/>
      <c r="CU23" s="674"/>
      <c r="CV23" s="674"/>
      <c r="CW23" s="674"/>
      <c r="CX23" s="674"/>
      <c r="CY23" s="675"/>
      <c r="CZ23" s="673" t="s">
        <v>287</v>
      </c>
      <c r="DA23" s="674"/>
      <c r="DB23" s="674"/>
      <c r="DC23" s="675"/>
      <c r="DD23" s="673" t="s">
        <v>288</v>
      </c>
      <c r="DE23" s="674"/>
      <c r="DF23" s="674"/>
      <c r="DG23" s="674"/>
      <c r="DH23" s="674"/>
      <c r="DI23" s="674"/>
      <c r="DJ23" s="674"/>
      <c r="DK23" s="675"/>
      <c r="DL23" s="711" t="s">
        <v>289</v>
      </c>
      <c r="DM23" s="712"/>
      <c r="DN23" s="712"/>
      <c r="DO23" s="712"/>
      <c r="DP23" s="712"/>
      <c r="DQ23" s="712"/>
      <c r="DR23" s="712"/>
      <c r="DS23" s="712"/>
      <c r="DT23" s="712"/>
      <c r="DU23" s="712"/>
      <c r="DV23" s="713"/>
      <c r="DW23" s="673" t="s">
        <v>290</v>
      </c>
      <c r="DX23" s="674"/>
      <c r="DY23" s="674"/>
      <c r="DZ23" s="674"/>
      <c r="EA23" s="674"/>
      <c r="EB23" s="674"/>
      <c r="EC23" s="675"/>
    </row>
    <row r="24" spans="2:133" ht="11.25" customHeight="1" x14ac:dyDescent="0.2">
      <c r="B24" s="618" t="s">
        <v>291</v>
      </c>
      <c r="C24" s="619"/>
      <c r="D24" s="619"/>
      <c r="E24" s="619"/>
      <c r="F24" s="619"/>
      <c r="G24" s="619"/>
      <c r="H24" s="619"/>
      <c r="I24" s="619"/>
      <c r="J24" s="619"/>
      <c r="K24" s="619"/>
      <c r="L24" s="619"/>
      <c r="M24" s="619"/>
      <c r="N24" s="619"/>
      <c r="O24" s="619"/>
      <c r="P24" s="619"/>
      <c r="Q24" s="620"/>
      <c r="R24" s="621">
        <v>43</v>
      </c>
      <c r="S24" s="622"/>
      <c r="T24" s="622"/>
      <c r="U24" s="622"/>
      <c r="V24" s="622"/>
      <c r="W24" s="622"/>
      <c r="X24" s="622"/>
      <c r="Y24" s="623"/>
      <c r="Z24" s="659">
        <v>0</v>
      </c>
      <c r="AA24" s="659"/>
      <c r="AB24" s="659"/>
      <c r="AC24" s="659"/>
      <c r="AD24" s="660" t="s">
        <v>246</v>
      </c>
      <c r="AE24" s="660"/>
      <c r="AF24" s="660"/>
      <c r="AG24" s="660"/>
      <c r="AH24" s="660"/>
      <c r="AI24" s="660"/>
      <c r="AJ24" s="660"/>
      <c r="AK24" s="660"/>
      <c r="AL24" s="624" t="s">
        <v>176</v>
      </c>
      <c r="AM24" s="625"/>
      <c r="AN24" s="625"/>
      <c r="AO24" s="661"/>
      <c r="AP24" s="618" t="s">
        <v>292</v>
      </c>
      <c r="AQ24" s="698"/>
      <c r="AR24" s="698"/>
      <c r="AS24" s="698"/>
      <c r="AT24" s="698"/>
      <c r="AU24" s="698"/>
      <c r="AV24" s="698"/>
      <c r="AW24" s="698"/>
      <c r="AX24" s="698"/>
      <c r="AY24" s="698"/>
      <c r="AZ24" s="698"/>
      <c r="BA24" s="698"/>
      <c r="BB24" s="698"/>
      <c r="BC24" s="698"/>
      <c r="BD24" s="698"/>
      <c r="BE24" s="698"/>
      <c r="BF24" s="699"/>
      <c r="BG24" s="621" t="s">
        <v>176</v>
      </c>
      <c r="BH24" s="622"/>
      <c r="BI24" s="622"/>
      <c r="BJ24" s="622"/>
      <c r="BK24" s="622"/>
      <c r="BL24" s="622"/>
      <c r="BM24" s="622"/>
      <c r="BN24" s="623"/>
      <c r="BO24" s="659" t="s">
        <v>137</v>
      </c>
      <c r="BP24" s="659"/>
      <c r="BQ24" s="659"/>
      <c r="BR24" s="659"/>
      <c r="BS24" s="660" t="s">
        <v>176</v>
      </c>
      <c r="BT24" s="660"/>
      <c r="BU24" s="660"/>
      <c r="BV24" s="660"/>
      <c r="BW24" s="660"/>
      <c r="BX24" s="660"/>
      <c r="BY24" s="660"/>
      <c r="BZ24" s="660"/>
      <c r="CA24" s="660"/>
      <c r="CB24" s="700"/>
      <c r="CD24" s="679" t="s">
        <v>293</v>
      </c>
      <c r="CE24" s="680"/>
      <c r="CF24" s="680"/>
      <c r="CG24" s="680"/>
      <c r="CH24" s="680"/>
      <c r="CI24" s="680"/>
      <c r="CJ24" s="680"/>
      <c r="CK24" s="680"/>
      <c r="CL24" s="680"/>
      <c r="CM24" s="680"/>
      <c r="CN24" s="680"/>
      <c r="CO24" s="680"/>
      <c r="CP24" s="680"/>
      <c r="CQ24" s="681"/>
      <c r="CR24" s="676">
        <v>24827969</v>
      </c>
      <c r="CS24" s="677"/>
      <c r="CT24" s="677"/>
      <c r="CU24" s="677"/>
      <c r="CV24" s="677"/>
      <c r="CW24" s="677"/>
      <c r="CX24" s="677"/>
      <c r="CY24" s="702"/>
      <c r="CZ24" s="703">
        <v>50</v>
      </c>
      <c r="DA24" s="685"/>
      <c r="DB24" s="685"/>
      <c r="DC24" s="705"/>
      <c r="DD24" s="701">
        <v>11421052</v>
      </c>
      <c r="DE24" s="677"/>
      <c r="DF24" s="677"/>
      <c r="DG24" s="677"/>
      <c r="DH24" s="677"/>
      <c r="DI24" s="677"/>
      <c r="DJ24" s="677"/>
      <c r="DK24" s="702"/>
      <c r="DL24" s="701">
        <v>10954038</v>
      </c>
      <c r="DM24" s="677"/>
      <c r="DN24" s="677"/>
      <c r="DO24" s="677"/>
      <c r="DP24" s="677"/>
      <c r="DQ24" s="677"/>
      <c r="DR24" s="677"/>
      <c r="DS24" s="677"/>
      <c r="DT24" s="677"/>
      <c r="DU24" s="677"/>
      <c r="DV24" s="702"/>
      <c r="DW24" s="703">
        <v>48</v>
      </c>
      <c r="DX24" s="685"/>
      <c r="DY24" s="685"/>
      <c r="DZ24" s="685"/>
      <c r="EA24" s="685"/>
      <c r="EB24" s="685"/>
      <c r="EC24" s="704"/>
    </row>
    <row r="25" spans="2:133" ht="11.25" customHeight="1" x14ac:dyDescent="0.2">
      <c r="B25" s="618" t="s">
        <v>294</v>
      </c>
      <c r="C25" s="619"/>
      <c r="D25" s="619"/>
      <c r="E25" s="619"/>
      <c r="F25" s="619"/>
      <c r="G25" s="619"/>
      <c r="H25" s="619"/>
      <c r="I25" s="619"/>
      <c r="J25" s="619"/>
      <c r="K25" s="619"/>
      <c r="L25" s="619"/>
      <c r="M25" s="619"/>
      <c r="N25" s="619"/>
      <c r="O25" s="619"/>
      <c r="P25" s="619"/>
      <c r="Q25" s="620"/>
      <c r="R25" s="621">
        <v>24428244</v>
      </c>
      <c r="S25" s="622"/>
      <c r="T25" s="622"/>
      <c r="U25" s="622"/>
      <c r="V25" s="622"/>
      <c r="W25" s="622"/>
      <c r="X25" s="622"/>
      <c r="Y25" s="623"/>
      <c r="Z25" s="659">
        <v>46.8</v>
      </c>
      <c r="AA25" s="659"/>
      <c r="AB25" s="659"/>
      <c r="AC25" s="659"/>
      <c r="AD25" s="660">
        <v>22718362</v>
      </c>
      <c r="AE25" s="660"/>
      <c r="AF25" s="660"/>
      <c r="AG25" s="660"/>
      <c r="AH25" s="660"/>
      <c r="AI25" s="660"/>
      <c r="AJ25" s="660"/>
      <c r="AK25" s="660"/>
      <c r="AL25" s="624">
        <v>99.5</v>
      </c>
      <c r="AM25" s="625"/>
      <c r="AN25" s="625"/>
      <c r="AO25" s="661"/>
      <c r="AP25" s="618" t="s">
        <v>295</v>
      </c>
      <c r="AQ25" s="698"/>
      <c r="AR25" s="698"/>
      <c r="AS25" s="698"/>
      <c r="AT25" s="698"/>
      <c r="AU25" s="698"/>
      <c r="AV25" s="698"/>
      <c r="AW25" s="698"/>
      <c r="AX25" s="698"/>
      <c r="AY25" s="698"/>
      <c r="AZ25" s="698"/>
      <c r="BA25" s="698"/>
      <c r="BB25" s="698"/>
      <c r="BC25" s="698"/>
      <c r="BD25" s="698"/>
      <c r="BE25" s="698"/>
      <c r="BF25" s="699"/>
      <c r="BG25" s="621" t="s">
        <v>246</v>
      </c>
      <c r="BH25" s="622"/>
      <c r="BI25" s="622"/>
      <c r="BJ25" s="622"/>
      <c r="BK25" s="622"/>
      <c r="BL25" s="622"/>
      <c r="BM25" s="622"/>
      <c r="BN25" s="623"/>
      <c r="BO25" s="659" t="s">
        <v>246</v>
      </c>
      <c r="BP25" s="659"/>
      <c r="BQ25" s="659"/>
      <c r="BR25" s="659"/>
      <c r="BS25" s="660" t="s">
        <v>246</v>
      </c>
      <c r="BT25" s="660"/>
      <c r="BU25" s="660"/>
      <c r="BV25" s="660"/>
      <c r="BW25" s="660"/>
      <c r="BX25" s="660"/>
      <c r="BY25" s="660"/>
      <c r="BZ25" s="660"/>
      <c r="CA25" s="660"/>
      <c r="CB25" s="700"/>
      <c r="CD25" s="618" t="s">
        <v>296</v>
      </c>
      <c r="CE25" s="619"/>
      <c r="CF25" s="619"/>
      <c r="CG25" s="619"/>
      <c r="CH25" s="619"/>
      <c r="CI25" s="619"/>
      <c r="CJ25" s="619"/>
      <c r="CK25" s="619"/>
      <c r="CL25" s="619"/>
      <c r="CM25" s="619"/>
      <c r="CN25" s="619"/>
      <c r="CO25" s="619"/>
      <c r="CP25" s="619"/>
      <c r="CQ25" s="620"/>
      <c r="CR25" s="621">
        <v>5816884</v>
      </c>
      <c r="CS25" s="634"/>
      <c r="CT25" s="634"/>
      <c r="CU25" s="634"/>
      <c r="CV25" s="634"/>
      <c r="CW25" s="634"/>
      <c r="CX25" s="634"/>
      <c r="CY25" s="635"/>
      <c r="CZ25" s="624">
        <v>11.7</v>
      </c>
      <c r="DA25" s="636"/>
      <c r="DB25" s="636"/>
      <c r="DC25" s="637"/>
      <c r="DD25" s="627">
        <v>5300173</v>
      </c>
      <c r="DE25" s="634"/>
      <c r="DF25" s="634"/>
      <c r="DG25" s="634"/>
      <c r="DH25" s="634"/>
      <c r="DI25" s="634"/>
      <c r="DJ25" s="634"/>
      <c r="DK25" s="635"/>
      <c r="DL25" s="627">
        <v>5258383</v>
      </c>
      <c r="DM25" s="634"/>
      <c r="DN25" s="634"/>
      <c r="DO25" s="634"/>
      <c r="DP25" s="634"/>
      <c r="DQ25" s="634"/>
      <c r="DR25" s="634"/>
      <c r="DS25" s="634"/>
      <c r="DT25" s="634"/>
      <c r="DU25" s="634"/>
      <c r="DV25" s="635"/>
      <c r="DW25" s="624">
        <v>23</v>
      </c>
      <c r="DX25" s="636"/>
      <c r="DY25" s="636"/>
      <c r="DZ25" s="636"/>
      <c r="EA25" s="636"/>
      <c r="EB25" s="636"/>
      <c r="EC25" s="648"/>
    </row>
    <row r="26" spans="2:133" ht="11.25" customHeight="1" x14ac:dyDescent="0.2">
      <c r="B26" s="618" t="s">
        <v>297</v>
      </c>
      <c r="C26" s="619"/>
      <c r="D26" s="619"/>
      <c r="E26" s="619"/>
      <c r="F26" s="619"/>
      <c r="G26" s="619"/>
      <c r="H26" s="619"/>
      <c r="I26" s="619"/>
      <c r="J26" s="619"/>
      <c r="K26" s="619"/>
      <c r="L26" s="619"/>
      <c r="M26" s="619"/>
      <c r="N26" s="619"/>
      <c r="O26" s="619"/>
      <c r="P26" s="619"/>
      <c r="Q26" s="620"/>
      <c r="R26" s="621">
        <v>15318</v>
      </c>
      <c r="S26" s="622"/>
      <c r="T26" s="622"/>
      <c r="U26" s="622"/>
      <c r="V26" s="622"/>
      <c r="W26" s="622"/>
      <c r="X26" s="622"/>
      <c r="Y26" s="623"/>
      <c r="Z26" s="659">
        <v>0</v>
      </c>
      <c r="AA26" s="659"/>
      <c r="AB26" s="659"/>
      <c r="AC26" s="659"/>
      <c r="AD26" s="660">
        <v>15318</v>
      </c>
      <c r="AE26" s="660"/>
      <c r="AF26" s="660"/>
      <c r="AG26" s="660"/>
      <c r="AH26" s="660"/>
      <c r="AI26" s="660"/>
      <c r="AJ26" s="660"/>
      <c r="AK26" s="660"/>
      <c r="AL26" s="624">
        <v>0.1</v>
      </c>
      <c r="AM26" s="625"/>
      <c r="AN26" s="625"/>
      <c r="AO26" s="661"/>
      <c r="AP26" s="618" t="s">
        <v>298</v>
      </c>
      <c r="AQ26" s="698"/>
      <c r="AR26" s="698"/>
      <c r="AS26" s="698"/>
      <c r="AT26" s="698"/>
      <c r="AU26" s="698"/>
      <c r="AV26" s="698"/>
      <c r="AW26" s="698"/>
      <c r="AX26" s="698"/>
      <c r="AY26" s="698"/>
      <c r="AZ26" s="698"/>
      <c r="BA26" s="698"/>
      <c r="BB26" s="698"/>
      <c r="BC26" s="698"/>
      <c r="BD26" s="698"/>
      <c r="BE26" s="698"/>
      <c r="BF26" s="699"/>
      <c r="BG26" s="621" t="s">
        <v>176</v>
      </c>
      <c r="BH26" s="622"/>
      <c r="BI26" s="622"/>
      <c r="BJ26" s="622"/>
      <c r="BK26" s="622"/>
      <c r="BL26" s="622"/>
      <c r="BM26" s="622"/>
      <c r="BN26" s="623"/>
      <c r="BO26" s="659" t="s">
        <v>176</v>
      </c>
      <c r="BP26" s="659"/>
      <c r="BQ26" s="659"/>
      <c r="BR26" s="659"/>
      <c r="BS26" s="660" t="s">
        <v>137</v>
      </c>
      <c r="BT26" s="660"/>
      <c r="BU26" s="660"/>
      <c r="BV26" s="660"/>
      <c r="BW26" s="660"/>
      <c r="BX26" s="660"/>
      <c r="BY26" s="660"/>
      <c r="BZ26" s="660"/>
      <c r="CA26" s="660"/>
      <c r="CB26" s="700"/>
      <c r="CD26" s="618" t="s">
        <v>299</v>
      </c>
      <c r="CE26" s="619"/>
      <c r="CF26" s="619"/>
      <c r="CG26" s="619"/>
      <c r="CH26" s="619"/>
      <c r="CI26" s="619"/>
      <c r="CJ26" s="619"/>
      <c r="CK26" s="619"/>
      <c r="CL26" s="619"/>
      <c r="CM26" s="619"/>
      <c r="CN26" s="619"/>
      <c r="CO26" s="619"/>
      <c r="CP26" s="619"/>
      <c r="CQ26" s="620"/>
      <c r="CR26" s="621">
        <v>3406674</v>
      </c>
      <c r="CS26" s="622"/>
      <c r="CT26" s="622"/>
      <c r="CU26" s="622"/>
      <c r="CV26" s="622"/>
      <c r="CW26" s="622"/>
      <c r="CX26" s="622"/>
      <c r="CY26" s="623"/>
      <c r="CZ26" s="624">
        <v>6.9</v>
      </c>
      <c r="DA26" s="636"/>
      <c r="DB26" s="636"/>
      <c r="DC26" s="637"/>
      <c r="DD26" s="627">
        <v>3088854</v>
      </c>
      <c r="DE26" s="622"/>
      <c r="DF26" s="622"/>
      <c r="DG26" s="622"/>
      <c r="DH26" s="622"/>
      <c r="DI26" s="622"/>
      <c r="DJ26" s="622"/>
      <c r="DK26" s="623"/>
      <c r="DL26" s="627" t="s">
        <v>246</v>
      </c>
      <c r="DM26" s="622"/>
      <c r="DN26" s="622"/>
      <c r="DO26" s="622"/>
      <c r="DP26" s="622"/>
      <c r="DQ26" s="622"/>
      <c r="DR26" s="622"/>
      <c r="DS26" s="622"/>
      <c r="DT26" s="622"/>
      <c r="DU26" s="622"/>
      <c r="DV26" s="623"/>
      <c r="DW26" s="624" t="s">
        <v>176</v>
      </c>
      <c r="DX26" s="636"/>
      <c r="DY26" s="636"/>
      <c r="DZ26" s="636"/>
      <c r="EA26" s="636"/>
      <c r="EB26" s="636"/>
      <c r="EC26" s="648"/>
    </row>
    <row r="27" spans="2:133" ht="11.25" customHeight="1" x14ac:dyDescent="0.2">
      <c r="B27" s="618" t="s">
        <v>300</v>
      </c>
      <c r="C27" s="619"/>
      <c r="D27" s="619"/>
      <c r="E27" s="619"/>
      <c r="F27" s="619"/>
      <c r="G27" s="619"/>
      <c r="H27" s="619"/>
      <c r="I27" s="619"/>
      <c r="J27" s="619"/>
      <c r="K27" s="619"/>
      <c r="L27" s="619"/>
      <c r="M27" s="619"/>
      <c r="N27" s="619"/>
      <c r="O27" s="619"/>
      <c r="P27" s="619"/>
      <c r="Q27" s="620"/>
      <c r="R27" s="621">
        <v>274112</v>
      </c>
      <c r="S27" s="622"/>
      <c r="T27" s="622"/>
      <c r="U27" s="622"/>
      <c r="V27" s="622"/>
      <c r="W27" s="622"/>
      <c r="X27" s="622"/>
      <c r="Y27" s="623"/>
      <c r="Z27" s="659">
        <v>0.5</v>
      </c>
      <c r="AA27" s="659"/>
      <c r="AB27" s="659"/>
      <c r="AC27" s="659"/>
      <c r="AD27" s="660" t="s">
        <v>176</v>
      </c>
      <c r="AE27" s="660"/>
      <c r="AF27" s="660"/>
      <c r="AG27" s="660"/>
      <c r="AH27" s="660"/>
      <c r="AI27" s="660"/>
      <c r="AJ27" s="660"/>
      <c r="AK27" s="660"/>
      <c r="AL27" s="624" t="s">
        <v>137</v>
      </c>
      <c r="AM27" s="625"/>
      <c r="AN27" s="625"/>
      <c r="AO27" s="661"/>
      <c r="AP27" s="618" t="s">
        <v>301</v>
      </c>
      <c r="AQ27" s="619"/>
      <c r="AR27" s="619"/>
      <c r="AS27" s="619"/>
      <c r="AT27" s="619"/>
      <c r="AU27" s="619"/>
      <c r="AV27" s="619"/>
      <c r="AW27" s="619"/>
      <c r="AX27" s="619"/>
      <c r="AY27" s="619"/>
      <c r="AZ27" s="619"/>
      <c r="BA27" s="619"/>
      <c r="BB27" s="619"/>
      <c r="BC27" s="619"/>
      <c r="BD27" s="619"/>
      <c r="BE27" s="619"/>
      <c r="BF27" s="620"/>
      <c r="BG27" s="621">
        <v>20385688</v>
      </c>
      <c r="BH27" s="622"/>
      <c r="BI27" s="622"/>
      <c r="BJ27" s="622"/>
      <c r="BK27" s="622"/>
      <c r="BL27" s="622"/>
      <c r="BM27" s="622"/>
      <c r="BN27" s="623"/>
      <c r="BO27" s="659">
        <v>100</v>
      </c>
      <c r="BP27" s="659"/>
      <c r="BQ27" s="659"/>
      <c r="BR27" s="659"/>
      <c r="BS27" s="660">
        <v>229874</v>
      </c>
      <c r="BT27" s="660"/>
      <c r="BU27" s="660"/>
      <c r="BV27" s="660"/>
      <c r="BW27" s="660"/>
      <c r="BX27" s="660"/>
      <c r="BY27" s="660"/>
      <c r="BZ27" s="660"/>
      <c r="CA27" s="660"/>
      <c r="CB27" s="700"/>
      <c r="CD27" s="618" t="s">
        <v>302</v>
      </c>
      <c r="CE27" s="619"/>
      <c r="CF27" s="619"/>
      <c r="CG27" s="619"/>
      <c r="CH27" s="619"/>
      <c r="CI27" s="619"/>
      <c r="CJ27" s="619"/>
      <c r="CK27" s="619"/>
      <c r="CL27" s="619"/>
      <c r="CM27" s="619"/>
      <c r="CN27" s="619"/>
      <c r="CO27" s="619"/>
      <c r="CP27" s="619"/>
      <c r="CQ27" s="620"/>
      <c r="CR27" s="621">
        <v>16771625</v>
      </c>
      <c r="CS27" s="634"/>
      <c r="CT27" s="634"/>
      <c r="CU27" s="634"/>
      <c r="CV27" s="634"/>
      <c r="CW27" s="634"/>
      <c r="CX27" s="634"/>
      <c r="CY27" s="635"/>
      <c r="CZ27" s="624">
        <v>33.799999999999997</v>
      </c>
      <c r="DA27" s="636"/>
      <c r="DB27" s="636"/>
      <c r="DC27" s="637"/>
      <c r="DD27" s="627">
        <v>3881419</v>
      </c>
      <c r="DE27" s="634"/>
      <c r="DF27" s="634"/>
      <c r="DG27" s="634"/>
      <c r="DH27" s="634"/>
      <c r="DI27" s="634"/>
      <c r="DJ27" s="634"/>
      <c r="DK27" s="635"/>
      <c r="DL27" s="627">
        <v>3786345</v>
      </c>
      <c r="DM27" s="634"/>
      <c r="DN27" s="634"/>
      <c r="DO27" s="634"/>
      <c r="DP27" s="634"/>
      <c r="DQ27" s="634"/>
      <c r="DR27" s="634"/>
      <c r="DS27" s="634"/>
      <c r="DT27" s="634"/>
      <c r="DU27" s="634"/>
      <c r="DV27" s="635"/>
      <c r="DW27" s="624">
        <v>16.600000000000001</v>
      </c>
      <c r="DX27" s="636"/>
      <c r="DY27" s="636"/>
      <c r="DZ27" s="636"/>
      <c r="EA27" s="636"/>
      <c r="EB27" s="636"/>
      <c r="EC27" s="648"/>
    </row>
    <row r="28" spans="2:133" ht="11.25" customHeight="1" x14ac:dyDescent="0.2">
      <c r="B28" s="618" t="s">
        <v>303</v>
      </c>
      <c r="C28" s="619"/>
      <c r="D28" s="619"/>
      <c r="E28" s="619"/>
      <c r="F28" s="619"/>
      <c r="G28" s="619"/>
      <c r="H28" s="619"/>
      <c r="I28" s="619"/>
      <c r="J28" s="619"/>
      <c r="K28" s="619"/>
      <c r="L28" s="619"/>
      <c r="M28" s="619"/>
      <c r="N28" s="619"/>
      <c r="O28" s="619"/>
      <c r="P28" s="619"/>
      <c r="Q28" s="620"/>
      <c r="R28" s="621">
        <v>386373</v>
      </c>
      <c r="S28" s="622"/>
      <c r="T28" s="622"/>
      <c r="U28" s="622"/>
      <c r="V28" s="622"/>
      <c r="W28" s="622"/>
      <c r="X28" s="622"/>
      <c r="Y28" s="623"/>
      <c r="Z28" s="659">
        <v>0.7</v>
      </c>
      <c r="AA28" s="659"/>
      <c r="AB28" s="659"/>
      <c r="AC28" s="659"/>
      <c r="AD28" s="660">
        <v>81109</v>
      </c>
      <c r="AE28" s="660"/>
      <c r="AF28" s="660"/>
      <c r="AG28" s="660"/>
      <c r="AH28" s="660"/>
      <c r="AI28" s="660"/>
      <c r="AJ28" s="660"/>
      <c r="AK28" s="660"/>
      <c r="AL28" s="624">
        <v>0.4</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4</v>
      </c>
      <c r="CE28" s="619"/>
      <c r="CF28" s="619"/>
      <c r="CG28" s="619"/>
      <c r="CH28" s="619"/>
      <c r="CI28" s="619"/>
      <c r="CJ28" s="619"/>
      <c r="CK28" s="619"/>
      <c r="CL28" s="619"/>
      <c r="CM28" s="619"/>
      <c r="CN28" s="619"/>
      <c r="CO28" s="619"/>
      <c r="CP28" s="619"/>
      <c r="CQ28" s="620"/>
      <c r="CR28" s="621">
        <v>2239460</v>
      </c>
      <c r="CS28" s="622"/>
      <c r="CT28" s="622"/>
      <c r="CU28" s="622"/>
      <c r="CV28" s="622"/>
      <c r="CW28" s="622"/>
      <c r="CX28" s="622"/>
      <c r="CY28" s="623"/>
      <c r="CZ28" s="624">
        <v>4.5</v>
      </c>
      <c r="DA28" s="636"/>
      <c r="DB28" s="636"/>
      <c r="DC28" s="637"/>
      <c r="DD28" s="627">
        <v>2239460</v>
      </c>
      <c r="DE28" s="622"/>
      <c r="DF28" s="622"/>
      <c r="DG28" s="622"/>
      <c r="DH28" s="622"/>
      <c r="DI28" s="622"/>
      <c r="DJ28" s="622"/>
      <c r="DK28" s="623"/>
      <c r="DL28" s="627">
        <v>1909310</v>
      </c>
      <c r="DM28" s="622"/>
      <c r="DN28" s="622"/>
      <c r="DO28" s="622"/>
      <c r="DP28" s="622"/>
      <c r="DQ28" s="622"/>
      <c r="DR28" s="622"/>
      <c r="DS28" s="622"/>
      <c r="DT28" s="622"/>
      <c r="DU28" s="622"/>
      <c r="DV28" s="623"/>
      <c r="DW28" s="624">
        <v>8.4</v>
      </c>
      <c r="DX28" s="636"/>
      <c r="DY28" s="636"/>
      <c r="DZ28" s="636"/>
      <c r="EA28" s="636"/>
      <c r="EB28" s="636"/>
      <c r="EC28" s="648"/>
    </row>
    <row r="29" spans="2:133" ht="11.25" customHeight="1" x14ac:dyDescent="0.2">
      <c r="B29" s="618" t="s">
        <v>305</v>
      </c>
      <c r="C29" s="619"/>
      <c r="D29" s="619"/>
      <c r="E29" s="619"/>
      <c r="F29" s="619"/>
      <c r="G29" s="619"/>
      <c r="H29" s="619"/>
      <c r="I29" s="619"/>
      <c r="J29" s="619"/>
      <c r="K29" s="619"/>
      <c r="L29" s="619"/>
      <c r="M29" s="619"/>
      <c r="N29" s="619"/>
      <c r="O29" s="619"/>
      <c r="P29" s="619"/>
      <c r="Q29" s="620"/>
      <c r="R29" s="621">
        <v>462982</v>
      </c>
      <c r="S29" s="622"/>
      <c r="T29" s="622"/>
      <c r="U29" s="622"/>
      <c r="V29" s="622"/>
      <c r="W29" s="622"/>
      <c r="X29" s="622"/>
      <c r="Y29" s="623"/>
      <c r="Z29" s="659">
        <v>0.9</v>
      </c>
      <c r="AA29" s="659"/>
      <c r="AB29" s="659"/>
      <c r="AC29" s="659"/>
      <c r="AD29" s="660" t="s">
        <v>246</v>
      </c>
      <c r="AE29" s="660"/>
      <c r="AF29" s="660"/>
      <c r="AG29" s="660"/>
      <c r="AH29" s="660"/>
      <c r="AI29" s="660"/>
      <c r="AJ29" s="660"/>
      <c r="AK29" s="660"/>
      <c r="AL29" s="624" t="s">
        <v>176</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06</v>
      </c>
      <c r="CE29" s="641"/>
      <c r="CF29" s="618" t="s">
        <v>71</v>
      </c>
      <c r="CG29" s="619"/>
      <c r="CH29" s="619"/>
      <c r="CI29" s="619"/>
      <c r="CJ29" s="619"/>
      <c r="CK29" s="619"/>
      <c r="CL29" s="619"/>
      <c r="CM29" s="619"/>
      <c r="CN29" s="619"/>
      <c r="CO29" s="619"/>
      <c r="CP29" s="619"/>
      <c r="CQ29" s="620"/>
      <c r="CR29" s="621">
        <v>2239457</v>
      </c>
      <c r="CS29" s="634"/>
      <c r="CT29" s="634"/>
      <c r="CU29" s="634"/>
      <c r="CV29" s="634"/>
      <c r="CW29" s="634"/>
      <c r="CX29" s="634"/>
      <c r="CY29" s="635"/>
      <c r="CZ29" s="624">
        <v>4.5</v>
      </c>
      <c r="DA29" s="636"/>
      <c r="DB29" s="636"/>
      <c r="DC29" s="637"/>
      <c r="DD29" s="627">
        <v>2239457</v>
      </c>
      <c r="DE29" s="634"/>
      <c r="DF29" s="634"/>
      <c r="DG29" s="634"/>
      <c r="DH29" s="634"/>
      <c r="DI29" s="634"/>
      <c r="DJ29" s="634"/>
      <c r="DK29" s="635"/>
      <c r="DL29" s="627">
        <v>1909307</v>
      </c>
      <c r="DM29" s="634"/>
      <c r="DN29" s="634"/>
      <c r="DO29" s="634"/>
      <c r="DP29" s="634"/>
      <c r="DQ29" s="634"/>
      <c r="DR29" s="634"/>
      <c r="DS29" s="634"/>
      <c r="DT29" s="634"/>
      <c r="DU29" s="634"/>
      <c r="DV29" s="635"/>
      <c r="DW29" s="624">
        <v>8.4</v>
      </c>
      <c r="DX29" s="636"/>
      <c r="DY29" s="636"/>
      <c r="DZ29" s="636"/>
      <c r="EA29" s="636"/>
      <c r="EB29" s="636"/>
      <c r="EC29" s="648"/>
    </row>
    <row r="30" spans="2:133" ht="11.25" customHeight="1" x14ac:dyDescent="0.2">
      <c r="B30" s="618" t="s">
        <v>307</v>
      </c>
      <c r="C30" s="619"/>
      <c r="D30" s="619"/>
      <c r="E30" s="619"/>
      <c r="F30" s="619"/>
      <c r="G30" s="619"/>
      <c r="H30" s="619"/>
      <c r="I30" s="619"/>
      <c r="J30" s="619"/>
      <c r="K30" s="619"/>
      <c r="L30" s="619"/>
      <c r="M30" s="619"/>
      <c r="N30" s="619"/>
      <c r="O30" s="619"/>
      <c r="P30" s="619"/>
      <c r="Q30" s="620"/>
      <c r="R30" s="621">
        <v>13657082</v>
      </c>
      <c r="S30" s="622"/>
      <c r="T30" s="622"/>
      <c r="U30" s="622"/>
      <c r="V30" s="622"/>
      <c r="W30" s="622"/>
      <c r="X30" s="622"/>
      <c r="Y30" s="623"/>
      <c r="Z30" s="659">
        <v>26.2</v>
      </c>
      <c r="AA30" s="659"/>
      <c r="AB30" s="659"/>
      <c r="AC30" s="659"/>
      <c r="AD30" s="660" t="s">
        <v>246</v>
      </c>
      <c r="AE30" s="660"/>
      <c r="AF30" s="660"/>
      <c r="AG30" s="660"/>
      <c r="AH30" s="660"/>
      <c r="AI30" s="660"/>
      <c r="AJ30" s="660"/>
      <c r="AK30" s="660"/>
      <c r="AL30" s="624" t="s">
        <v>246</v>
      </c>
      <c r="AM30" s="625"/>
      <c r="AN30" s="625"/>
      <c r="AO30" s="661"/>
      <c r="AP30" s="673" t="s">
        <v>224</v>
      </c>
      <c r="AQ30" s="674"/>
      <c r="AR30" s="674"/>
      <c r="AS30" s="674"/>
      <c r="AT30" s="674"/>
      <c r="AU30" s="674"/>
      <c r="AV30" s="674"/>
      <c r="AW30" s="674"/>
      <c r="AX30" s="674"/>
      <c r="AY30" s="674"/>
      <c r="AZ30" s="674"/>
      <c r="BA30" s="674"/>
      <c r="BB30" s="674"/>
      <c r="BC30" s="674"/>
      <c r="BD30" s="674"/>
      <c r="BE30" s="674"/>
      <c r="BF30" s="675"/>
      <c r="BG30" s="673" t="s">
        <v>308</v>
      </c>
      <c r="BH30" s="691"/>
      <c r="BI30" s="691"/>
      <c r="BJ30" s="691"/>
      <c r="BK30" s="691"/>
      <c r="BL30" s="691"/>
      <c r="BM30" s="691"/>
      <c r="BN30" s="691"/>
      <c r="BO30" s="691"/>
      <c r="BP30" s="691"/>
      <c r="BQ30" s="692"/>
      <c r="BR30" s="673" t="s">
        <v>309</v>
      </c>
      <c r="BS30" s="691"/>
      <c r="BT30" s="691"/>
      <c r="BU30" s="691"/>
      <c r="BV30" s="691"/>
      <c r="BW30" s="691"/>
      <c r="BX30" s="691"/>
      <c r="BY30" s="691"/>
      <c r="BZ30" s="691"/>
      <c r="CA30" s="691"/>
      <c r="CB30" s="692"/>
      <c r="CD30" s="642"/>
      <c r="CE30" s="643"/>
      <c r="CF30" s="618" t="s">
        <v>310</v>
      </c>
      <c r="CG30" s="619"/>
      <c r="CH30" s="619"/>
      <c r="CI30" s="619"/>
      <c r="CJ30" s="619"/>
      <c r="CK30" s="619"/>
      <c r="CL30" s="619"/>
      <c r="CM30" s="619"/>
      <c r="CN30" s="619"/>
      <c r="CO30" s="619"/>
      <c r="CP30" s="619"/>
      <c r="CQ30" s="620"/>
      <c r="CR30" s="621">
        <v>2178557</v>
      </c>
      <c r="CS30" s="622"/>
      <c r="CT30" s="622"/>
      <c r="CU30" s="622"/>
      <c r="CV30" s="622"/>
      <c r="CW30" s="622"/>
      <c r="CX30" s="622"/>
      <c r="CY30" s="623"/>
      <c r="CZ30" s="624">
        <v>4.4000000000000004</v>
      </c>
      <c r="DA30" s="636"/>
      <c r="DB30" s="636"/>
      <c r="DC30" s="637"/>
      <c r="DD30" s="627">
        <v>2178557</v>
      </c>
      <c r="DE30" s="622"/>
      <c r="DF30" s="622"/>
      <c r="DG30" s="622"/>
      <c r="DH30" s="622"/>
      <c r="DI30" s="622"/>
      <c r="DJ30" s="622"/>
      <c r="DK30" s="623"/>
      <c r="DL30" s="627">
        <v>1848407</v>
      </c>
      <c r="DM30" s="622"/>
      <c r="DN30" s="622"/>
      <c r="DO30" s="622"/>
      <c r="DP30" s="622"/>
      <c r="DQ30" s="622"/>
      <c r="DR30" s="622"/>
      <c r="DS30" s="622"/>
      <c r="DT30" s="622"/>
      <c r="DU30" s="622"/>
      <c r="DV30" s="623"/>
      <c r="DW30" s="624">
        <v>8.1</v>
      </c>
      <c r="DX30" s="636"/>
      <c r="DY30" s="636"/>
      <c r="DZ30" s="636"/>
      <c r="EA30" s="636"/>
      <c r="EB30" s="636"/>
      <c r="EC30" s="648"/>
    </row>
    <row r="31" spans="2:133" ht="11.25" customHeight="1" x14ac:dyDescent="0.2">
      <c r="B31" s="688" t="s">
        <v>311</v>
      </c>
      <c r="C31" s="689"/>
      <c r="D31" s="689"/>
      <c r="E31" s="689"/>
      <c r="F31" s="689"/>
      <c r="G31" s="689"/>
      <c r="H31" s="689"/>
      <c r="I31" s="689"/>
      <c r="J31" s="689"/>
      <c r="K31" s="689"/>
      <c r="L31" s="689"/>
      <c r="M31" s="689"/>
      <c r="N31" s="689"/>
      <c r="O31" s="689"/>
      <c r="P31" s="689"/>
      <c r="Q31" s="690"/>
      <c r="R31" s="621">
        <v>15833</v>
      </c>
      <c r="S31" s="622"/>
      <c r="T31" s="622"/>
      <c r="U31" s="622"/>
      <c r="V31" s="622"/>
      <c r="W31" s="622"/>
      <c r="X31" s="622"/>
      <c r="Y31" s="623"/>
      <c r="Z31" s="659">
        <v>0</v>
      </c>
      <c r="AA31" s="659"/>
      <c r="AB31" s="659"/>
      <c r="AC31" s="659"/>
      <c r="AD31" s="660">
        <v>15833</v>
      </c>
      <c r="AE31" s="660"/>
      <c r="AF31" s="660"/>
      <c r="AG31" s="660"/>
      <c r="AH31" s="660"/>
      <c r="AI31" s="660"/>
      <c r="AJ31" s="660"/>
      <c r="AK31" s="660"/>
      <c r="AL31" s="624">
        <v>0.1</v>
      </c>
      <c r="AM31" s="625"/>
      <c r="AN31" s="625"/>
      <c r="AO31" s="661"/>
      <c r="AP31" s="693" t="s">
        <v>312</v>
      </c>
      <c r="AQ31" s="694"/>
      <c r="AR31" s="694"/>
      <c r="AS31" s="694"/>
      <c r="AT31" s="695" t="s">
        <v>313</v>
      </c>
      <c r="AU31" s="218"/>
      <c r="AV31" s="218"/>
      <c r="AW31" s="218"/>
      <c r="AX31" s="679" t="s">
        <v>188</v>
      </c>
      <c r="AY31" s="680"/>
      <c r="AZ31" s="680"/>
      <c r="BA31" s="680"/>
      <c r="BB31" s="680"/>
      <c r="BC31" s="680"/>
      <c r="BD31" s="680"/>
      <c r="BE31" s="680"/>
      <c r="BF31" s="681"/>
      <c r="BG31" s="683">
        <v>99.5</v>
      </c>
      <c r="BH31" s="684"/>
      <c r="BI31" s="684"/>
      <c r="BJ31" s="684"/>
      <c r="BK31" s="684"/>
      <c r="BL31" s="684"/>
      <c r="BM31" s="685">
        <v>98.7</v>
      </c>
      <c r="BN31" s="684"/>
      <c r="BO31" s="684"/>
      <c r="BP31" s="684"/>
      <c r="BQ31" s="686"/>
      <c r="BR31" s="683">
        <v>99.5</v>
      </c>
      <c r="BS31" s="684"/>
      <c r="BT31" s="684"/>
      <c r="BU31" s="684"/>
      <c r="BV31" s="684"/>
      <c r="BW31" s="684"/>
      <c r="BX31" s="685">
        <v>98.7</v>
      </c>
      <c r="BY31" s="684"/>
      <c r="BZ31" s="684"/>
      <c r="CA31" s="684"/>
      <c r="CB31" s="686"/>
      <c r="CD31" s="642"/>
      <c r="CE31" s="643"/>
      <c r="CF31" s="618" t="s">
        <v>314</v>
      </c>
      <c r="CG31" s="619"/>
      <c r="CH31" s="619"/>
      <c r="CI31" s="619"/>
      <c r="CJ31" s="619"/>
      <c r="CK31" s="619"/>
      <c r="CL31" s="619"/>
      <c r="CM31" s="619"/>
      <c r="CN31" s="619"/>
      <c r="CO31" s="619"/>
      <c r="CP31" s="619"/>
      <c r="CQ31" s="620"/>
      <c r="CR31" s="621">
        <v>60900</v>
      </c>
      <c r="CS31" s="634"/>
      <c r="CT31" s="634"/>
      <c r="CU31" s="634"/>
      <c r="CV31" s="634"/>
      <c r="CW31" s="634"/>
      <c r="CX31" s="634"/>
      <c r="CY31" s="635"/>
      <c r="CZ31" s="624">
        <v>0.1</v>
      </c>
      <c r="DA31" s="636"/>
      <c r="DB31" s="636"/>
      <c r="DC31" s="637"/>
      <c r="DD31" s="627">
        <v>60900</v>
      </c>
      <c r="DE31" s="634"/>
      <c r="DF31" s="634"/>
      <c r="DG31" s="634"/>
      <c r="DH31" s="634"/>
      <c r="DI31" s="634"/>
      <c r="DJ31" s="634"/>
      <c r="DK31" s="635"/>
      <c r="DL31" s="627">
        <v>60900</v>
      </c>
      <c r="DM31" s="634"/>
      <c r="DN31" s="634"/>
      <c r="DO31" s="634"/>
      <c r="DP31" s="634"/>
      <c r="DQ31" s="634"/>
      <c r="DR31" s="634"/>
      <c r="DS31" s="634"/>
      <c r="DT31" s="634"/>
      <c r="DU31" s="634"/>
      <c r="DV31" s="635"/>
      <c r="DW31" s="624">
        <v>0.3</v>
      </c>
      <c r="DX31" s="636"/>
      <c r="DY31" s="636"/>
      <c r="DZ31" s="636"/>
      <c r="EA31" s="636"/>
      <c r="EB31" s="636"/>
      <c r="EC31" s="648"/>
    </row>
    <row r="32" spans="2:133" ht="11.25" customHeight="1" x14ac:dyDescent="0.2">
      <c r="B32" s="618" t="s">
        <v>315</v>
      </c>
      <c r="C32" s="619"/>
      <c r="D32" s="619"/>
      <c r="E32" s="619"/>
      <c r="F32" s="619"/>
      <c r="G32" s="619"/>
      <c r="H32" s="619"/>
      <c r="I32" s="619"/>
      <c r="J32" s="619"/>
      <c r="K32" s="619"/>
      <c r="L32" s="619"/>
      <c r="M32" s="619"/>
      <c r="N32" s="619"/>
      <c r="O32" s="619"/>
      <c r="P32" s="619"/>
      <c r="Q32" s="620"/>
      <c r="R32" s="621">
        <v>7399709</v>
      </c>
      <c r="S32" s="622"/>
      <c r="T32" s="622"/>
      <c r="U32" s="622"/>
      <c r="V32" s="622"/>
      <c r="W32" s="622"/>
      <c r="X32" s="622"/>
      <c r="Y32" s="623"/>
      <c r="Z32" s="659">
        <v>14.2</v>
      </c>
      <c r="AA32" s="659"/>
      <c r="AB32" s="659"/>
      <c r="AC32" s="659"/>
      <c r="AD32" s="660" t="s">
        <v>246</v>
      </c>
      <c r="AE32" s="660"/>
      <c r="AF32" s="660"/>
      <c r="AG32" s="660"/>
      <c r="AH32" s="660"/>
      <c r="AI32" s="660"/>
      <c r="AJ32" s="660"/>
      <c r="AK32" s="660"/>
      <c r="AL32" s="624" t="s">
        <v>137</v>
      </c>
      <c r="AM32" s="625"/>
      <c r="AN32" s="625"/>
      <c r="AO32" s="661"/>
      <c r="AP32" s="662"/>
      <c r="AQ32" s="663"/>
      <c r="AR32" s="663"/>
      <c r="AS32" s="663"/>
      <c r="AT32" s="696"/>
      <c r="AU32" s="214" t="s">
        <v>316</v>
      </c>
      <c r="AX32" s="618" t="s">
        <v>317</v>
      </c>
      <c r="AY32" s="619"/>
      <c r="AZ32" s="619"/>
      <c r="BA32" s="619"/>
      <c r="BB32" s="619"/>
      <c r="BC32" s="619"/>
      <c r="BD32" s="619"/>
      <c r="BE32" s="619"/>
      <c r="BF32" s="620"/>
      <c r="BG32" s="687">
        <v>99.2</v>
      </c>
      <c r="BH32" s="634"/>
      <c r="BI32" s="634"/>
      <c r="BJ32" s="634"/>
      <c r="BK32" s="634"/>
      <c r="BL32" s="634"/>
      <c r="BM32" s="625">
        <v>97.8</v>
      </c>
      <c r="BN32" s="634"/>
      <c r="BO32" s="634"/>
      <c r="BP32" s="634"/>
      <c r="BQ32" s="657"/>
      <c r="BR32" s="687">
        <v>99.3</v>
      </c>
      <c r="BS32" s="634"/>
      <c r="BT32" s="634"/>
      <c r="BU32" s="634"/>
      <c r="BV32" s="634"/>
      <c r="BW32" s="634"/>
      <c r="BX32" s="625">
        <v>97.8</v>
      </c>
      <c r="BY32" s="634"/>
      <c r="BZ32" s="634"/>
      <c r="CA32" s="634"/>
      <c r="CB32" s="657"/>
      <c r="CD32" s="644"/>
      <c r="CE32" s="645"/>
      <c r="CF32" s="618" t="s">
        <v>318</v>
      </c>
      <c r="CG32" s="619"/>
      <c r="CH32" s="619"/>
      <c r="CI32" s="619"/>
      <c r="CJ32" s="619"/>
      <c r="CK32" s="619"/>
      <c r="CL32" s="619"/>
      <c r="CM32" s="619"/>
      <c r="CN32" s="619"/>
      <c r="CO32" s="619"/>
      <c r="CP32" s="619"/>
      <c r="CQ32" s="620"/>
      <c r="CR32" s="621">
        <v>3</v>
      </c>
      <c r="CS32" s="622"/>
      <c r="CT32" s="622"/>
      <c r="CU32" s="622"/>
      <c r="CV32" s="622"/>
      <c r="CW32" s="622"/>
      <c r="CX32" s="622"/>
      <c r="CY32" s="623"/>
      <c r="CZ32" s="624">
        <v>0</v>
      </c>
      <c r="DA32" s="636"/>
      <c r="DB32" s="636"/>
      <c r="DC32" s="637"/>
      <c r="DD32" s="627">
        <v>3</v>
      </c>
      <c r="DE32" s="622"/>
      <c r="DF32" s="622"/>
      <c r="DG32" s="622"/>
      <c r="DH32" s="622"/>
      <c r="DI32" s="622"/>
      <c r="DJ32" s="622"/>
      <c r="DK32" s="623"/>
      <c r="DL32" s="627">
        <v>3</v>
      </c>
      <c r="DM32" s="622"/>
      <c r="DN32" s="622"/>
      <c r="DO32" s="622"/>
      <c r="DP32" s="622"/>
      <c r="DQ32" s="622"/>
      <c r="DR32" s="622"/>
      <c r="DS32" s="622"/>
      <c r="DT32" s="622"/>
      <c r="DU32" s="622"/>
      <c r="DV32" s="623"/>
      <c r="DW32" s="624">
        <v>0</v>
      </c>
      <c r="DX32" s="636"/>
      <c r="DY32" s="636"/>
      <c r="DZ32" s="636"/>
      <c r="EA32" s="636"/>
      <c r="EB32" s="636"/>
      <c r="EC32" s="648"/>
    </row>
    <row r="33" spans="2:133" ht="11.25" customHeight="1" x14ac:dyDescent="0.2">
      <c r="B33" s="618" t="s">
        <v>319</v>
      </c>
      <c r="C33" s="619"/>
      <c r="D33" s="619"/>
      <c r="E33" s="619"/>
      <c r="F33" s="619"/>
      <c r="G33" s="619"/>
      <c r="H33" s="619"/>
      <c r="I33" s="619"/>
      <c r="J33" s="619"/>
      <c r="K33" s="619"/>
      <c r="L33" s="619"/>
      <c r="M33" s="619"/>
      <c r="N33" s="619"/>
      <c r="O33" s="619"/>
      <c r="P33" s="619"/>
      <c r="Q33" s="620"/>
      <c r="R33" s="621">
        <v>28394</v>
      </c>
      <c r="S33" s="622"/>
      <c r="T33" s="622"/>
      <c r="U33" s="622"/>
      <c r="V33" s="622"/>
      <c r="W33" s="622"/>
      <c r="X33" s="622"/>
      <c r="Y33" s="623"/>
      <c r="Z33" s="659">
        <v>0.1</v>
      </c>
      <c r="AA33" s="659"/>
      <c r="AB33" s="659"/>
      <c r="AC33" s="659"/>
      <c r="AD33" s="660">
        <v>1403</v>
      </c>
      <c r="AE33" s="660"/>
      <c r="AF33" s="660"/>
      <c r="AG33" s="660"/>
      <c r="AH33" s="660"/>
      <c r="AI33" s="660"/>
      <c r="AJ33" s="660"/>
      <c r="AK33" s="660"/>
      <c r="AL33" s="624">
        <v>0</v>
      </c>
      <c r="AM33" s="625"/>
      <c r="AN33" s="625"/>
      <c r="AO33" s="661"/>
      <c r="AP33" s="664"/>
      <c r="AQ33" s="665"/>
      <c r="AR33" s="665"/>
      <c r="AS33" s="665"/>
      <c r="AT33" s="697"/>
      <c r="AU33" s="219"/>
      <c r="AV33" s="219"/>
      <c r="AW33" s="219"/>
      <c r="AX33" s="602" t="s">
        <v>320</v>
      </c>
      <c r="AY33" s="603"/>
      <c r="AZ33" s="603"/>
      <c r="BA33" s="603"/>
      <c r="BB33" s="603"/>
      <c r="BC33" s="603"/>
      <c r="BD33" s="603"/>
      <c r="BE33" s="603"/>
      <c r="BF33" s="604"/>
      <c r="BG33" s="682">
        <v>99.7</v>
      </c>
      <c r="BH33" s="606"/>
      <c r="BI33" s="606"/>
      <c r="BJ33" s="606"/>
      <c r="BK33" s="606"/>
      <c r="BL33" s="606"/>
      <c r="BM33" s="652">
        <v>99.4</v>
      </c>
      <c r="BN33" s="606"/>
      <c r="BO33" s="606"/>
      <c r="BP33" s="606"/>
      <c r="BQ33" s="669"/>
      <c r="BR33" s="682">
        <v>99.7</v>
      </c>
      <c r="BS33" s="606"/>
      <c r="BT33" s="606"/>
      <c r="BU33" s="606"/>
      <c r="BV33" s="606"/>
      <c r="BW33" s="606"/>
      <c r="BX33" s="652">
        <v>99.4</v>
      </c>
      <c r="BY33" s="606"/>
      <c r="BZ33" s="606"/>
      <c r="CA33" s="606"/>
      <c r="CB33" s="669"/>
      <c r="CD33" s="618" t="s">
        <v>321</v>
      </c>
      <c r="CE33" s="619"/>
      <c r="CF33" s="619"/>
      <c r="CG33" s="619"/>
      <c r="CH33" s="619"/>
      <c r="CI33" s="619"/>
      <c r="CJ33" s="619"/>
      <c r="CK33" s="619"/>
      <c r="CL33" s="619"/>
      <c r="CM33" s="619"/>
      <c r="CN33" s="619"/>
      <c r="CO33" s="619"/>
      <c r="CP33" s="619"/>
      <c r="CQ33" s="620"/>
      <c r="CR33" s="621">
        <v>21775759</v>
      </c>
      <c r="CS33" s="634"/>
      <c r="CT33" s="634"/>
      <c r="CU33" s="634"/>
      <c r="CV33" s="634"/>
      <c r="CW33" s="634"/>
      <c r="CX33" s="634"/>
      <c r="CY33" s="635"/>
      <c r="CZ33" s="624">
        <v>43.9</v>
      </c>
      <c r="DA33" s="636"/>
      <c r="DB33" s="636"/>
      <c r="DC33" s="637"/>
      <c r="DD33" s="627">
        <v>16689915</v>
      </c>
      <c r="DE33" s="634"/>
      <c r="DF33" s="634"/>
      <c r="DG33" s="634"/>
      <c r="DH33" s="634"/>
      <c r="DI33" s="634"/>
      <c r="DJ33" s="634"/>
      <c r="DK33" s="635"/>
      <c r="DL33" s="627">
        <v>10477717</v>
      </c>
      <c r="DM33" s="634"/>
      <c r="DN33" s="634"/>
      <c r="DO33" s="634"/>
      <c r="DP33" s="634"/>
      <c r="DQ33" s="634"/>
      <c r="DR33" s="634"/>
      <c r="DS33" s="634"/>
      <c r="DT33" s="634"/>
      <c r="DU33" s="634"/>
      <c r="DV33" s="635"/>
      <c r="DW33" s="624">
        <v>45.9</v>
      </c>
      <c r="DX33" s="636"/>
      <c r="DY33" s="636"/>
      <c r="DZ33" s="636"/>
      <c r="EA33" s="636"/>
      <c r="EB33" s="636"/>
      <c r="EC33" s="648"/>
    </row>
    <row r="34" spans="2:133" ht="11.25" customHeight="1" x14ac:dyDescent="0.2">
      <c r="B34" s="618" t="s">
        <v>322</v>
      </c>
      <c r="C34" s="619"/>
      <c r="D34" s="619"/>
      <c r="E34" s="619"/>
      <c r="F34" s="619"/>
      <c r="G34" s="619"/>
      <c r="H34" s="619"/>
      <c r="I34" s="619"/>
      <c r="J34" s="619"/>
      <c r="K34" s="619"/>
      <c r="L34" s="619"/>
      <c r="M34" s="619"/>
      <c r="N34" s="619"/>
      <c r="O34" s="619"/>
      <c r="P34" s="619"/>
      <c r="Q34" s="620"/>
      <c r="R34" s="621">
        <v>12001</v>
      </c>
      <c r="S34" s="622"/>
      <c r="T34" s="622"/>
      <c r="U34" s="622"/>
      <c r="V34" s="622"/>
      <c r="W34" s="622"/>
      <c r="X34" s="622"/>
      <c r="Y34" s="623"/>
      <c r="Z34" s="659">
        <v>0</v>
      </c>
      <c r="AA34" s="659"/>
      <c r="AB34" s="659"/>
      <c r="AC34" s="659"/>
      <c r="AD34" s="660" t="s">
        <v>176</v>
      </c>
      <c r="AE34" s="660"/>
      <c r="AF34" s="660"/>
      <c r="AG34" s="660"/>
      <c r="AH34" s="660"/>
      <c r="AI34" s="660"/>
      <c r="AJ34" s="660"/>
      <c r="AK34" s="660"/>
      <c r="AL34" s="624" t="s">
        <v>176</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3</v>
      </c>
      <c r="CE34" s="619"/>
      <c r="CF34" s="619"/>
      <c r="CG34" s="619"/>
      <c r="CH34" s="619"/>
      <c r="CI34" s="619"/>
      <c r="CJ34" s="619"/>
      <c r="CK34" s="619"/>
      <c r="CL34" s="619"/>
      <c r="CM34" s="619"/>
      <c r="CN34" s="619"/>
      <c r="CO34" s="619"/>
      <c r="CP34" s="619"/>
      <c r="CQ34" s="620"/>
      <c r="CR34" s="621">
        <v>8567579</v>
      </c>
      <c r="CS34" s="622"/>
      <c r="CT34" s="622"/>
      <c r="CU34" s="622"/>
      <c r="CV34" s="622"/>
      <c r="CW34" s="622"/>
      <c r="CX34" s="622"/>
      <c r="CY34" s="623"/>
      <c r="CZ34" s="624">
        <v>17.3</v>
      </c>
      <c r="DA34" s="636"/>
      <c r="DB34" s="636"/>
      <c r="DC34" s="637"/>
      <c r="DD34" s="627">
        <v>5408028</v>
      </c>
      <c r="DE34" s="622"/>
      <c r="DF34" s="622"/>
      <c r="DG34" s="622"/>
      <c r="DH34" s="622"/>
      <c r="DI34" s="622"/>
      <c r="DJ34" s="622"/>
      <c r="DK34" s="623"/>
      <c r="DL34" s="627">
        <v>4819620</v>
      </c>
      <c r="DM34" s="622"/>
      <c r="DN34" s="622"/>
      <c r="DO34" s="622"/>
      <c r="DP34" s="622"/>
      <c r="DQ34" s="622"/>
      <c r="DR34" s="622"/>
      <c r="DS34" s="622"/>
      <c r="DT34" s="622"/>
      <c r="DU34" s="622"/>
      <c r="DV34" s="623"/>
      <c r="DW34" s="624">
        <v>21.1</v>
      </c>
      <c r="DX34" s="636"/>
      <c r="DY34" s="636"/>
      <c r="DZ34" s="636"/>
      <c r="EA34" s="636"/>
      <c r="EB34" s="636"/>
      <c r="EC34" s="648"/>
    </row>
    <row r="35" spans="2:133" ht="11.25" customHeight="1" x14ac:dyDescent="0.2">
      <c r="B35" s="618" t="s">
        <v>324</v>
      </c>
      <c r="C35" s="619"/>
      <c r="D35" s="619"/>
      <c r="E35" s="619"/>
      <c r="F35" s="619"/>
      <c r="G35" s="619"/>
      <c r="H35" s="619"/>
      <c r="I35" s="619"/>
      <c r="J35" s="619"/>
      <c r="K35" s="619"/>
      <c r="L35" s="619"/>
      <c r="M35" s="619"/>
      <c r="N35" s="619"/>
      <c r="O35" s="619"/>
      <c r="P35" s="619"/>
      <c r="Q35" s="620"/>
      <c r="R35" s="621">
        <v>1425853</v>
      </c>
      <c r="S35" s="622"/>
      <c r="T35" s="622"/>
      <c r="U35" s="622"/>
      <c r="V35" s="622"/>
      <c r="W35" s="622"/>
      <c r="X35" s="622"/>
      <c r="Y35" s="623"/>
      <c r="Z35" s="659">
        <v>2.7</v>
      </c>
      <c r="AA35" s="659"/>
      <c r="AB35" s="659"/>
      <c r="AC35" s="659"/>
      <c r="AD35" s="660" t="s">
        <v>176</v>
      </c>
      <c r="AE35" s="660"/>
      <c r="AF35" s="660"/>
      <c r="AG35" s="660"/>
      <c r="AH35" s="660"/>
      <c r="AI35" s="660"/>
      <c r="AJ35" s="660"/>
      <c r="AK35" s="660"/>
      <c r="AL35" s="624" t="s">
        <v>176</v>
      </c>
      <c r="AM35" s="625"/>
      <c r="AN35" s="625"/>
      <c r="AO35" s="661"/>
      <c r="AP35" s="222"/>
      <c r="AQ35" s="673" t="s">
        <v>325</v>
      </c>
      <c r="AR35" s="674"/>
      <c r="AS35" s="674"/>
      <c r="AT35" s="674"/>
      <c r="AU35" s="674"/>
      <c r="AV35" s="674"/>
      <c r="AW35" s="674"/>
      <c r="AX35" s="674"/>
      <c r="AY35" s="674"/>
      <c r="AZ35" s="674"/>
      <c r="BA35" s="674"/>
      <c r="BB35" s="674"/>
      <c r="BC35" s="674"/>
      <c r="BD35" s="674"/>
      <c r="BE35" s="674"/>
      <c r="BF35" s="675"/>
      <c r="BG35" s="673" t="s">
        <v>326</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7</v>
      </c>
      <c r="CE35" s="619"/>
      <c r="CF35" s="619"/>
      <c r="CG35" s="619"/>
      <c r="CH35" s="619"/>
      <c r="CI35" s="619"/>
      <c r="CJ35" s="619"/>
      <c r="CK35" s="619"/>
      <c r="CL35" s="619"/>
      <c r="CM35" s="619"/>
      <c r="CN35" s="619"/>
      <c r="CO35" s="619"/>
      <c r="CP35" s="619"/>
      <c r="CQ35" s="620"/>
      <c r="CR35" s="621">
        <v>256454</v>
      </c>
      <c r="CS35" s="634"/>
      <c r="CT35" s="634"/>
      <c r="CU35" s="634"/>
      <c r="CV35" s="634"/>
      <c r="CW35" s="634"/>
      <c r="CX35" s="634"/>
      <c r="CY35" s="635"/>
      <c r="CZ35" s="624">
        <v>0.5</v>
      </c>
      <c r="DA35" s="636"/>
      <c r="DB35" s="636"/>
      <c r="DC35" s="637"/>
      <c r="DD35" s="627">
        <v>238049</v>
      </c>
      <c r="DE35" s="634"/>
      <c r="DF35" s="634"/>
      <c r="DG35" s="634"/>
      <c r="DH35" s="634"/>
      <c r="DI35" s="634"/>
      <c r="DJ35" s="634"/>
      <c r="DK35" s="635"/>
      <c r="DL35" s="627">
        <v>238049</v>
      </c>
      <c r="DM35" s="634"/>
      <c r="DN35" s="634"/>
      <c r="DO35" s="634"/>
      <c r="DP35" s="634"/>
      <c r="DQ35" s="634"/>
      <c r="DR35" s="634"/>
      <c r="DS35" s="634"/>
      <c r="DT35" s="634"/>
      <c r="DU35" s="634"/>
      <c r="DV35" s="635"/>
      <c r="DW35" s="624">
        <v>1</v>
      </c>
      <c r="DX35" s="636"/>
      <c r="DY35" s="636"/>
      <c r="DZ35" s="636"/>
      <c r="EA35" s="636"/>
      <c r="EB35" s="636"/>
      <c r="EC35" s="648"/>
    </row>
    <row r="36" spans="2:133" ht="11.25" customHeight="1" x14ac:dyDescent="0.2">
      <c r="B36" s="618" t="s">
        <v>328</v>
      </c>
      <c r="C36" s="619"/>
      <c r="D36" s="619"/>
      <c r="E36" s="619"/>
      <c r="F36" s="619"/>
      <c r="G36" s="619"/>
      <c r="H36" s="619"/>
      <c r="I36" s="619"/>
      <c r="J36" s="619"/>
      <c r="K36" s="619"/>
      <c r="L36" s="619"/>
      <c r="M36" s="619"/>
      <c r="N36" s="619"/>
      <c r="O36" s="619"/>
      <c r="P36" s="619"/>
      <c r="Q36" s="620"/>
      <c r="R36" s="621">
        <v>3311681</v>
      </c>
      <c r="S36" s="622"/>
      <c r="T36" s="622"/>
      <c r="U36" s="622"/>
      <c r="V36" s="622"/>
      <c r="W36" s="622"/>
      <c r="X36" s="622"/>
      <c r="Y36" s="623"/>
      <c r="Z36" s="659">
        <v>6.4</v>
      </c>
      <c r="AA36" s="659"/>
      <c r="AB36" s="659"/>
      <c r="AC36" s="659"/>
      <c r="AD36" s="660" t="s">
        <v>176</v>
      </c>
      <c r="AE36" s="660"/>
      <c r="AF36" s="660"/>
      <c r="AG36" s="660"/>
      <c r="AH36" s="660"/>
      <c r="AI36" s="660"/>
      <c r="AJ36" s="660"/>
      <c r="AK36" s="660"/>
      <c r="AL36" s="624" t="s">
        <v>246</v>
      </c>
      <c r="AM36" s="625"/>
      <c r="AN36" s="625"/>
      <c r="AO36" s="661"/>
      <c r="AP36" s="222"/>
      <c r="AQ36" s="670" t="s">
        <v>329</v>
      </c>
      <c r="AR36" s="671"/>
      <c r="AS36" s="671"/>
      <c r="AT36" s="671"/>
      <c r="AU36" s="671"/>
      <c r="AV36" s="671"/>
      <c r="AW36" s="671"/>
      <c r="AX36" s="671"/>
      <c r="AY36" s="672"/>
      <c r="AZ36" s="676">
        <v>5395798</v>
      </c>
      <c r="BA36" s="677"/>
      <c r="BB36" s="677"/>
      <c r="BC36" s="677"/>
      <c r="BD36" s="677"/>
      <c r="BE36" s="677"/>
      <c r="BF36" s="678"/>
      <c r="BG36" s="679" t="s">
        <v>330</v>
      </c>
      <c r="BH36" s="680"/>
      <c r="BI36" s="680"/>
      <c r="BJ36" s="680"/>
      <c r="BK36" s="680"/>
      <c r="BL36" s="680"/>
      <c r="BM36" s="680"/>
      <c r="BN36" s="680"/>
      <c r="BO36" s="680"/>
      <c r="BP36" s="680"/>
      <c r="BQ36" s="680"/>
      <c r="BR36" s="680"/>
      <c r="BS36" s="680"/>
      <c r="BT36" s="680"/>
      <c r="BU36" s="681"/>
      <c r="BV36" s="676">
        <v>275832</v>
      </c>
      <c r="BW36" s="677"/>
      <c r="BX36" s="677"/>
      <c r="BY36" s="677"/>
      <c r="BZ36" s="677"/>
      <c r="CA36" s="677"/>
      <c r="CB36" s="678"/>
      <c r="CD36" s="618" t="s">
        <v>331</v>
      </c>
      <c r="CE36" s="619"/>
      <c r="CF36" s="619"/>
      <c r="CG36" s="619"/>
      <c r="CH36" s="619"/>
      <c r="CI36" s="619"/>
      <c r="CJ36" s="619"/>
      <c r="CK36" s="619"/>
      <c r="CL36" s="619"/>
      <c r="CM36" s="619"/>
      <c r="CN36" s="619"/>
      <c r="CO36" s="619"/>
      <c r="CP36" s="619"/>
      <c r="CQ36" s="620"/>
      <c r="CR36" s="621">
        <v>5969266</v>
      </c>
      <c r="CS36" s="622"/>
      <c r="CT36" s="622"/>
      <c r="CU36" s="622"/>
      <c r="CV36" s="622"/>
      <c r="CW36" s="622"/>
      <c r="CX36" s="622"/>
      <c r="CY36" s="623"/>
      <c r="CZ36" s="624">
        <v>12</v>
      </c>
      <c r="DA36" s="636"/>
      <c r="DB36" s="636"/>
      <c r="DC36" s="637"/>
      <c r="DD36" s="627">
        <v>4936223</v>
      </c>
      <c r="DE36" s="622"/>
      <c r="DF36" s="622"/>
      <c r="DG36" s="622"/>
      <c r="DH36" s="622"/>
      <c r="DI36" s="622"/>
      <c r="DJ36" s="622"/>
      <c r="DK36" s="623"/>
      <c r="DL36" s="627">
        <v>2534994</v>
      </c>
      <c r="DM36" s="622"/>
      <c r="DN36" s="622"/>
      <c r="DO36" s="622"/>
      <c r="DP36" s="622"/>
      <c r="DQ36" s="622"/>
      <c r="DR36" s="622"/>
      <c r="DS36" s="622"/>
      <c r="DT36" s="622"/>
      <c r="DU36" s="622"/>
      <c r="DV36" s="623"/>
      <c r="DW36" s="624">
        <v>11.1</v>
      </c>
      <c r="DX36" s="636"/>
      <c r="DY36" s="636"/>
      <c r="DZ36" s="636"/>
      <c r="EA36" s="636"/>
      <c r="EB36" s="636"/>
      <c r="EC36" s="648"/>
    </row>
    <row r="37" spans="2:133" ht="11.25" customHeight="1" x14ac:dyDescent="0.2">
      <c r="B37" s="618" t="s">
        <v>332</v>
      </c>
      <c r="C37" s="619"/>
      <c r="D37" s="619"/>
      <c r="E37" s="619"/>
      <c r="F37" s="619"/>
      <c r="G37" s="619"/>
      <c r="H37" s="619"/>
      <c r="I37" s="619"/>
      <c r="J37" s="619"/>
      <c r="K37" s="619"/>
      <c r="L37" s="619"/>
      <c r="M37" s="619"/>
      <c r="N37" s="619"/>
      <c r="O37" s="619"/>
      <c r="P37" s="619"/>
      <c r="Q37" s="620"/>
      <c r="R37" s="621">
        <v>355847</v>
      </c>
      <c r="S37" s="622"/>
      <c r="T37" s="622"/>
      <c r="U37" s="622"/>
      <c r="V37" s="622"/>
      <c r="W37" s="622"/>
      <c r="X37" s="622"/>
      <c r="Y37" s="623"/>
      <c r="Z37" s="659">
        <v>0.7</v>
      </c>
      <c r="AA37" s="659"/>
      <c r="AB37" s="659"/>
      <c r="AC37" s="659"/>
      <c r="AD37" s="660">
        <v>82</v>
      </c>
      <c r="AE37" s="660"/>
      <c r="AF37" s="660"/>
      <c r="AG37" s="660"/>
      <c r="AH37" s="660"/>
      <c r="AI37" s="660"/>
      <c r="AJ37" s="660"/>
      <c r="AK37" s="660"/>
      <c r="AL37" s="624">
        <v>0</v>
      </c>
      <c r="AM37" s="625"/>
      <c r="AN37" s="625"/>
      <c r="AO37" s="661"/>
      <c r="AQ37" s="654" t="s">
        <v>333</v>
      </c>
      <c r="AR37" s="655"/>
      <c r="AS37" s="655"/>
      <c r="AT37" s="655"/>
      <c r="AU37" s="655"/>
      <c r="AV37" s="655"/>
      <c r="AW37" s="655"/>
      <c r="AX37" s="655"/>
      <c r="AY37" s="656"/>
      <c r="AZ37" s="621">
        <v>694560</v>
      </c>
      <c r="BA37" s="622"/>
      <c r="BB37" s="622"/>
      <c r="BC37" s="622"/>
      <c r="BD37" s="634"/>
      <c r="BE37" s="634"/>
      <c r="BF37" s="657"/>
      <c r="BG37" s="618" t="s">
        <v>334</v>
      </c>
      <c r="BH37" s="619"/>
      <c r="BI37" s="619"/>
      <c r="BJ37" s="619"/>
      <c r="BK37" s="619"/>
      <c r="BL37" s="619"/>
      <c r="BM37" s="619"/>
      <c r="BN37" s="619"/>
      <c r="BO37" s="619"/>
      <c r="BP37" s="619"/>
      <c r="BQ37" s="619"/>
      <c r="BR37" s="619"/>
      <c r="BS37" s="619"/>
      <c r="BT37" s="619"/>
      <c r="BU37" s="620"/>
      <c r="BV37" s="621">
        <v>-311640</v>
      </c>
      <c r="BW37" s="622"/>
      <c r="BX37" s="622"/>
      <c r="BY37" s="622"/>
      <c r="BZ37" s="622"/>
      <c r="CA37" s="622"/>
      <c r="CB37" s="658"/>
      <c r="CD37" s="618" t="s">
        <v>335</v>
      </c>
      <c r="CE37" s="619"/>
      <c r="CF37" s="619"/>
      <c r="CG37" s="619"/>
      <c r="CH37" s="619"/>
      <c r="CI37" s="619"/>
      <c r="CJ37" s="619"/>
      <c r="CK37" s="619"/>
      <c r="CL37" s="619"/>
      <c r="CM37" s="619"/>
      <c r="CN37" s="619"/>
      <c r="CO37" s="619"/>
      <c r="CP37" s="619"/>
      <c r="CQ37" s="620"/>
      <c r="CR37" s="621">
        <v>288177</v>
      </c>
      <c r="CS37" s="634"/>
      <c r="CT37" s="634"/>
      <c r="CU37" s="634"/>
      <c r="CV37" s="634"/>
      <c r="CW37" s="634"/>
      <c r="CX37" s="634"/>
      <c r="CY37" s="635"/>
      <c r="CZ37" s="624">
        <v>0.6</v>
      </c>
      <c r="DA37" s="636"/>
      <c r="DB37" s="636"/>
      <c r="DC37" s="637"/>
      <c r="DD37" s="627">
        <v>288177</v>
      </c>
      <c r="DE37" s="634"/>
      <c r="DF37" s="634"/>
      <c r="DG37" s="634"/>
      <c r="DH37" s="634"/>
      <c r="DI37" s="634"/>
      <c r="DJ37" s="634"/>
      <c r="DK37" s="635"/>
      <c r="DL37" s="627">
        <v>230486</v>
      </c>
      <c r="DM37" s="634"/>
      <c r="DN37" s="634"/>
      <c r="DO37" s="634"/>
      <c r="DP37" s="634"/>
      <c r="DQ37" s="634"/>
      <c r="DR37" s="634"/>
      <c r="DS37" s="634"/>
      <c r="DT37" s="634"/>
      <c r="DU37" s="634"/>
      <c r="DV37" s="635"/>
      <c r="DW37" s="624">
        <v>1</v>
      </c>
      <c r="DX37" s="636"/>
      <c r="DY37" s="636"/>
      <c r="DZ37" s="636"/>
      <c r="EA37" s="636"/>
      <c r="EB37" s="636"/>
      <c r="EC37" s="648"/>
    </row>
    <row r="38" spans="2:133" ht="11.25" customHeight="1" x14ac:dyDescent="0.2">
      <c r="B38" s="618" t="s">
        <v>336</v>
      </c>
      <c r="C38" s="619"/>
      <c r="D38" s="619"/>
      <c r="E38" s="619"/>
      <c r="F38" s="619"/>
      <c r="G38" s="619"/>
      <c r="H38" s="619"/>
      <c r="I38" s="619"/>
      <c r="J38" s="619"/>
      <c r="K38" s="619"/>
      <c r="L38" s="619"/>
      <c r="M38" s="619"/>
      <c r="N38" s="619"/>
      <c r="O38" s="619"/>
      <c r="P38" s="619"/>
      <c r="Q38" s="620"/>
      <c r="R38" s="621">
        <v>374100</v>
      </c>
      <c r="S38" s="622"/>
      <c r="T38" s="622"/>
      <c r="U38" s="622"/>
      <c r="V38" s="622"/>
      <c r="W38" s="622"/>
      <c r="X38" s="622"/>
      <c r="Y38" s="623"/>
      <c r="Z38" s="659">
        <v>0.7</v>
      </c>
      <c r="AA38" s="659"/>
      <c r="AB38" s="659"/>
      <c r="AC38" s="659"/>
      <c r="AD38" s="660" t="s">
        <v>176</v>
      </c>
      <c r="AE38" s="660"/>
      <c r="AF38" s="660"/>
      <c r="AG38" s="660"/>
      <c r="AH38" s="660"/>
      <c r="AI38" s="660"/>
      <c r="AJ38" s="660"/>
      <c r="AK38" s="660"/>
      <c r="AL38" s="624" t="s">
        <v>176</v>
      </c>
      <c r="AM38" s="625"/>
      <c r="AN38" s="625"/>
      <c r="AO38" s="661"/>
      <c r="AQ38" s="654" t="s">
        <v>337</v>
      </c>
      <c r="AR38" s="655"/>
      <c r="AS38" s="655"/>
      <c r="AT38" s="655"/>
      <c r="AU38" s="655"/>
      <c r="AV38" s="655"/>
      <c r="AW38" s="655"/>
      <c r="AX38" s="655"/>
      <c r="AY38" s="656"/>
      <c r="AZ38" s="621">
        <v>470490</v>
      </c>
      <c r="BA38" s="622"/>
      <c r="BB38" s="622"/>
      <c r="BC38" s="622"/>
      <c r="BD38" s="634"/>
      <c r="BE38" s="634"/>
      <c r="BF38" s="657"/>
      <c r="BG38" s="618" t="s">
        <v>338</v>
      </c>
      <c r="BH38" s="619"/>
      <c r="BI38" s="619"/>
      <c r="BJ38" s="619"/>
      <c r="BK38" s="619"/>
      <c r="BL38" s="619"/>
      <c r="BM38" s="619"/>
      <c r="BN38" s="619"/>
      <c r="BO38" s="619"/>
      <c r="BP38" s="619"/>
      <c r="BQ38" s="619"/>
      <c r="BR38" s="619"/>
      <c r="BS38" s="619"/>
      <c r="BT38" s="619"/>
      <c r="BU38" s="620"/>
      <c r="BV38" s="621">
        <v>15453</v>
      </c>
      <c r="BW38" s="622"/>
      <c r="BX38" s="622"/>
      <c r="BY38" s="622"/>
      <c r="BZ38" s="622"/>
      <c r="CA38" s="622"/>
      <c r="CB38" s="658"/>
      <c r="CD38" s="618" t="s">
        <v>339</v>
      </c>
      <c r="CE38" s="619"/>
      <c r="CF38" s="619"/>
      <c r="CG38" s="619"/>
      <c r="CH38" s="619"/>
      <c r="CI38" s="619"/>
      <c r="CJ38" s="619"/>
      <c r="CK38" s="619"/>
      <c r="CL38" s="619"/>
      <c r="CM38" s="619"/>
      <c r="CN38" s="619"/>
      <c r="CO38" s="619"/>
      <c r="CP38" s="619"/>
      <c r="CQ38" s="620"/>
      <c r="CR38" s="621">
        <v>4681488</v>
      </c>
      <c r="CS38" s="622"/>
      <c r="CT38" s="622"/>
      <c r="CU38" s="622"/>
      <c r="CV38" s="622"/>
      <c r="CW38" s="622"/>
      <c r="CX38" s="622"/>
      <c r="CY38" s="623"/>
      <c r="CZ38" s="624">
        <v>9.4</v>
      </c>
      <c r="DA38" s="636"/>
      <c r="DB38" s="636"/>
      <c r="DC38" s="637"/>
      <c r="DD38" s="627">
        <v>4059262</v>
      </c>
      <c r="DE38" s="622"/>
      <c r="DF38" s="622"/>
      <c r="DG38" s="622"/>
      <c r="DH38" s="622"/>
      <c r="DI38" s="622"/>
      <c r="DJ38" s="622"/>
      <c r="DK38" s="623"/>
      <c r="DL38" s="627">
        <v>2885054</v>
      </c>
      <c r="DM38" s="622"/>
      <c r="DN38" s="622"/>
      <c r="DO38" s="622"/>
      <c r="DP38" s="622"/>
      <c r="DQ38" s="622"/>
      <c r="DR38" s="622"/>
      <c r="DS38" s="622"/>
      <c r="DT38" s="622"/>
      <c r="DU38" s="622"/>
      <c r="DV38" s="623"/>
      <c r="DW38" s="624">
        <v>12.6</v>
      </c>
      <c r="DX38" s="636"/>
      <c r="DY38" s="636"/>
      <c r="DZ38" s="636"/>
      <c r="EA38" s="636"/>
      <c r="EB38" s="636"/>
      <c r="EC38" s="648"/>
    </row>
    <row r="39" spans="2:133" ht="11.25" customHeight="1" x14ac:dyDescent="0.2">
      <c r="B39" s="618" t="s">
        <v>340</v>
      </c>
      <c r="C39" s="619"/>
      <c r="D39" s="619"/>
      <c r="E39" s="619"/>
      <c r="F39" s="619"/>
      <c r="G39" s="619"/>
      <c r="H39" s="619"/>
      <c r="I39" s="619"/>
      <c r="J39" s="619"/>
      <c r="K39" s="619"/>
      <c r="L39" s="619"/>
      <c r="M39" s="619"/>
      <c r="N39" s="619"/>
      <c r="O39" s="619"/>
      <c r="P39" s="619"/>
      <c r="Q39" s="620"/>
      <c r="R39" s="621" t="s">
        <v>246</v>
      </c>
      <c r="S39" s="622"/>
      <c r="T39" s="622"/>
      <c r="U39" s="622"/>
      <c r="V39" s="622"/>
      <c r="W39" s="622"/>
      <c r="X39" s="622"/>
      <c r="Y39" s="623"/>
      <c r="Z39" s="659" t="s">
        <v>246</v>
      </c>
      <c r="AA39" s="659"/>
      <c r="AB39" s="659"/>
      <c r="AC39" s="659"/>
      <c r="AD39" s="660" t="s">
        <v>176</v>
      </c>
      <c r="AE39" s="660"/>
      <c r="AF39" s="660"/>
      <c r="AG39" s="660"/>
      <c r="AH39" s="660"/>
      <c r="AI39" s="660"/>
      <c r="AJ39" s="660"/>
      <c r="AK39" s="660"/>
      <c r="AL39" s="624" t="s">
        <v>176</v>
      </c>
      <c r="AM39" s="625"/>
      <c r="AN39" s="625"/>
      <c r="AO39" s="661"/>
      <c r="AQ39" s="654" t="s">
        <v>341</v>
      </c>
      <c r="AR39" s="655"/>
      <c r="AS39" s="655"/>
      <c r="AT39" s="655"/>
      <c r="AU39" s="655"/>
      <c r="AV39" s="655"/>
      <c r="AW39" s="655"/>
      <c r="AX39" s="655"/>
      <c r="AY39" s="656"/>
      <c r="AZ39" s="621">
        <v>19750</v>
      </c>
      <c r="BA39" s="622"/>
      <c r="BB39" s="622"/>
      <c r="BC39" s="622"/>
      <c r="BD39" s="634"/>
      <c r="BE39" s="634"/>
      <c r="BF39" s="657"/>
      <c r="BG39" s="618" t="s">
        <v>342</v>
      </c>
      <c r="BH39" s="619"/>
      <c r="BI39" s="619"/>
      <c r="BJ39" s="619"/>
      <c r="BK39" s="619"/>
      <c r="BL39" s="619"/>
      <c r="BM39" s="619"/>
      <c r="BN39" s="619"/>
      <c r="BO39" s="619"/>
      <c r="BP39" s="619"/>
      <c r="BQ39" s="619"/>
      <c r="BR39" s="619"/>
      <c r="BS39" s="619"/>
      <c r="BT39" s="619"/>
      <c r="BU39" s="620"/>
      <c r="BV39" s="621">
        <v>22314</v>
      </c>
      <c r="BW39" s="622"/>
      <c r="BX39" s="622"/>
      <c r="BY39" s="622"/>
      <c r="BZ39" s="622"/>
      <c r="CA39" s="622"/>
      <c r="CB39" s="658"/>
      <c r="CD39" s="618" t="s">
        <v>343</v>
      </c>
      <c r="CE39" s="619"/>
      <c r="CF39" s="619"/>
      <c r="CG39" s="619"/>
      <c r="CH39" s="619"/>
      <c r="CI39" s="619"/>
      <c r="CJ39" s="619"/>
      <c r="CK39" s="619"/>
      <c r="CL39" s="619"/>
      <c r="CM39" s="619"/>
      <c r="CN39" s="619"/>
      <c r="CO39" s="619"/>
      <c r="CP39" s="619"/>
      <c r="CQ39" s="620"/>
      <c r="CR39" s="621">
        <v>2000972</v>
      </c>
      <c r="CS39" s="634"/>
      <c r="CT39" s="634"/>
      <c r="CU39" s="634"/>
      <c r="CV39" s="634"/>
      <c r="CW39" s="634"/>
      <c r="CX39" s="634"/>
      <c r="CY39" s="635"/>
      <c r="CZ39" s="624">
        <v>4</v>
      </c>
      <c r="DA39" s="636"/>
      <c r="DB39" s="636"/>
      <c r="DC39" s="637"/>
      <c r="DD39" s="627">
        <v>1998353</v>
      </c>
      <c r="DE39" s="634"/>
      <c r="DF39" s="634"/>
      <c r="DG39" s="634"/>
      <c r="DH39" s="634"/>
      <c r="DI39" s="634"/>
      <c r="DJ39" s="634"/>
      <c r="DK39" s="635"/>
      <c r="DL39" s="627" t="s">
        <v>246</v>
      </c>
      <c r="DM39" s="634"/>
      <c r="DN39" s="634"/>
      <c r="DO39" s="634"/>
      <c r="DP39" s="634"/>
      <c r="DQ39" s="634"/>
      <c r="DR39" s="634"/>
      <c r="DS39" s="634"/>
      <c r="DT39" s="634"/>
      <c r="DU39" s="634"/>
      <c r="DV39" s="635"/>
      <c r="DW39" s="624" t="s">
        <v>246</v>
      </c>
      <c r="DX39" s="636"/>
      <c r="DY39" s="636"/>
      <c r="DZ39" s="636"/>
      <c r="EA39" s="636"/>
      <c r="EB39" s="636"/>
      <c r="EC39" s="648"/>
    </row>
    <row r="40" spans="2:133" ht="11.25" customHeight="1" x14ac:dyDescent="0.2">
      <c r="B40" s="618" t="s">
        <v>344</v>
      </c>
      <c r="C40" s="619"/>
      <c r="D40" s="619"/>
      <c r="E40" s="619"/>
      <c r="F40" s="619"/>
      <c r="G40" s="619"/>
      <c r="H40" s="619"/>
      <c r="I40" s="619"/>
      <c r="J40" s="619"/>
      <c r="K40" s="619"/>
      <c r="L40" s="619"/>
      <c r="M40" s="619"/>
      <c r="N40" s="619"/>
      <c r="O40" s="619"/>
      <c r="P40" s="619"/>
      <c r="Q40" s="620"/>
      <c r="R40" s="621" t="s">
        <v>176</v>
      </c>
      <c r="S40" s="622"/>
      <c r="T40" s="622"/>
      <c r="U40" s="622"/>
      <c r="V40" s="622"/>
      <c r="W40" s="622"/>
      <c r="X40" s="622"/>
      <c r="Y40" s="623"/>
      <c r="Z40" s="659" t="s">
        <v>176</v>
      </c>
      <c r="AA40" s="659"/>
      <c r="AB40" s="659"/>
      <c r="AC40" s="659"/>
      <c r="AD40" s="660" t="s">
        <v>137</v>
      </c>
      <c r="AE40" s="660"/>
      <c r="AF40" s="660"/>
      <c r="AG40" s="660"/>
      <c r="AH40" s="660"/>
      <c r="AI40" s="660"/>
      <c r="AJ40" s="660"/>
      <c r="AK40" s="660"/>
      <c r="AL40" s="624" t="s">
        <v>176</v>
      </c>
      <c r="AM40" s="625"/>
      <c r="AN40" s="625"/>
      <c r="AO40" s="661"/>
      <c r="AQ40" s="654" t="s">
        <v>345</v>
      </c>
      <c r="AR40" s="655"/>
      <c r="AS40" s="655"/>
      <c r="AT40" s="655"/>
      <c r="AU40" s="655"/>
      <c r="AV40" s="655"/>
      <c r="AW40" s="655"/>
      <c r="AX40" s="655"/>
      <c r="AY40" s="656"/>
      <c r="AZ40" s="621" t="s">
        <v>176</v>
      </c>
      <c r="BA40" s="622"/>
      <c r="BB40" s="622"/>
      <c r="BC40" s="622"/>
      <c r="BD40" s="634"/>
      <c r="BE40" s="634"/>
      <c r="BF40" s="657"/>
      <c r="BG40" s="662" t="s">
        <v>346</v>
      </c>
      <c r="BH40" s="663"/>
      <c r="BI40" s="663"/>
      <c r="BJ40" s="663"/>
      <c r="BK40" s="663"/>
      <c r="BL40" s="223"/>
      <c r="BM40" s="619" t="s">
        <v>347</v>
      </c>
      <c r="BN40" s="619"/>
      <c r="BO40" s="619"/>
      <c r="BP40" s="619"/>
      <c r="BQ40" s="619"/>
      <c r="BR40" s="619"/>
      <c r="BS40" s="619"/>
      <c r="BT40" s="619"/>
      <c r="BU40" s="620"/>
      <c r="BV40" s="621">
        <v>96</v>
      </c>
      <c r="BW40" s="622"/>
      <c r="BX40" s="622"/>
      <c r="BY40" s="622"/>
      <c r="BZ40" s="622"/>
      <c r="CA40" s="622"/>
      <c r="CB40" s="658"/>
      <c r="CD40" s="618" t="s">
        <v>348</v>
      </c>
      <c r="CE40" s="619"/>
      <c r="CF40" s="619"/>
      <c r="CG40" s="619"/>
      <c r="CH40" s="619"/>
      <c r="CI40" s="619"/>
      <c r="CJ40" s="619"/>
      <c r="CK40" s="619"/>
      <c r="CL40" s="619"/>
      <c r="CM40" s="619"/>
      <c r="CN40" s="619"/>
      <c r="CO40" s="619"/>
      <c r="CP40" s="619"/>
      <c r="CQ40" s="620"/>
      <c r="CR40" s="621">
        <v>300000</v>
      </c>
      <c r="CS40" s="622"/>
      <c r="CT40" s="622"/>
      <c r="CU40" s="622"/>
      <c r="CV40" s="622"/>
      <c r="CW40" s="622"/>
      <c r="CX40" s="622"/>
      <c r="CY40" s="623"/>
      <c r="CZ40" s="624">
        <v>0.6</v>
      </c>
      <c r="DA40" s="636"/>
      <c r="DB40" s="636"/>
      <c r="DC40" s="637"/>
      <c r="DD40" s="627">
        <v>50000</v>
      </c>
      <c r="DE40" s="622"/>
      <c r="DF40" s="622"/>
      <c r="DG40" s="622"/>
      <c r="DH40" s="622"/>
      <c r="DI40" s="622"/>
      <c r="DJ40" s="622"/>
      <c r="DK40" s="623"/>
      <c r="DL40" s="627" t="s">
        <v>176</v>
      </c>
      <c r="DM40" s="622"/>
      <c r="DN40" s="622"/>
      <c r="DO40" s="622"/>
      <c r="DP40" s="622"/>
      <c r="DQ40" s="622"/>
      <c r="DR40" s="622"/>
      <c r="DS40" s="622"/>
      <c r="DT40" s="622"/>
      <c r="DU40" s="622"/>
      <c r="DV40" s="623"/>
      <c r="DW40" s="624" t="s">
        <v>137</v>
      </c>
      <c r="DX40" s="636"/>
      <c r="DY40" s="636"/>
      <c r="DZ40" s="636"/>
      <c r="EA40" s="636"/>
      <c r="EB40" s="636"/>
      <c r="EC40" s="648"/>
    </row>
    <row r="41" spans="2:133" ht="11.25" customHeight="1" x14ac:dyDescent="0.2">
      <c r="B41" s="602" t="s">
        <v>349</v>
      </c>
      <c r="C41" s="603"/>
      <c r="D41" s="603"/>
      <c r="E41" s="603"/>
      <c r="F41" s="603"/>
      <c r="G41" s="603"/>
      <c r="H41" s="603"/>
      <c r="I41" s="603"/>
      <c r="J41" s="603"/>
      <c r="K41" s="603"/>
      <c r="L41" s="603"/>
      <c r="M41" s="603"/>
      <c r="N41" s="603"/>
      <c r="O41" s="603"/>
      <c r="P41" s="603"/>
      <c r="Q41" s="604"/>
      <c r="R41" s="605">
        <v>52147529</v>
      </c>
      <c r="S41" s="646"/>
      <c r="T41" s="646"/>
      <c r="U41" s="646"/>
      <c r="V41" s="646"/>
      <c r="W41" s="646"/>
      <c r="X41" s="646"/>
      <c r="Y41" s="649"/>
      <c r="Z41" s="650">
        <v>100</v>
      </c>
      <c r="AA41" s="650"/>
      <c r="AB41" s="650"/>
      <c r="AC41" s="650"/>
      <c r="AD41" s="651">
        <v>22832107</v>
      </c>
      <c r="AE41" s="651"/>
      <c r="AF41" s="651"/>
      <c r="AG41" s="651"/>
      <c r="AH41" s="651"/>
      <c r="AI41" s="651"/>
      <c r="AJ41" s="651"/>
      <c r="AK41" s="651"/>
      <c r="AL41" s="608">
        <v>100</v>
      </c>
      <c r="AM41" s="652"/>
      <c r="AN41" s="652"/>
      <c r="AO41" s="653"/>
      <c r="AQ41" s="654" t="s">
        <v>350</v>
      </c>
      <c r="AR41" s="655"/>
      <c r="AS41" s="655"/>
      <c r="AT41" s="655"/>
      <c r="AU41" s="655"/>
      <c r="AV41" s="655"/>
      <c r="AW41" s="655"/>
      <c r="AX41" s="655"/>
      <c r="AY41" s="656"/>
      <c r="AZ41" s="621">
        <v>1215682</v>
      </c>
      <c r="BA41" s="622"/>
      <c r="BB41" s="622"/>
      <c r="BC41" s="622"/>
      <c r="BD41" s="634"/>
      <c r="BE41" s="634"/>
      <c r="BF41" s="657"/>
      <c r="BG41" s="662"/>
      <c r="BH41" s="663"/>
      <c r="BI41" s="663"/>
      <c r="BJ41" s="663"/>
      <c r="BK41" s="663"/>
      <c r="BL41" s="223"/>
      <c r="BM41" s="619" t="s">
        <v>351</v>
      </c>
      <c r="BN41" s="619"/>
      <c r="BO41" s="619"/>
      <c r="BP41" s="619"/>
      <c r="BQ41" s="619"/>
      <c r="BR41" s="619"/>
      <c r="BS41" s="619"/>
      <c r="BT41" s="619"/>
      <c r="BU41" s="620"/>
      <c r="BV41" s="621" t="s">
        <v>176</v>
      </c>
      <c r="BW41" s="622"/>
      <c r="BX41" s="622"/>
      <c r="BY41" s="622"/>
      <c r="BZ41" s="622"/>
      <c r="CA41" s="622"/>
      <c r="CB41" s="658"/>
      <c r="CD41" s="618" t="s">
        <v>352</v>
      </c>
      <c r="CE41" s="619"/>
      <c r="CF41" s="619"/>
      <c r="CG41" s="619"/>
      <c r="CH41" s="619"/>
      <c r="CI41" s="619"/>
      <c r="CJ41" s="619"/>
      <c r="CK41" s="619"/>
      <c r="CL41" s="619"/>
      <c r="CM41" s="619"/>
      <c r="CN41" s="619"/>
      <c r="CO41" s="619"/>
      <c r="CP41" s="619"/>
      <c r="CQ41" s="620"/>
      <c r="CR41" s="621" t="s">
        <v>137</v>
      </c>
      <c r="CS41" s="634"/>
      <c r="CT41" s="634"/>
      <c r="CU41" s="634"/>
      <c r="CV41" s="634"/>
      <c r="CW41" s="634"/>
      <c r="CX41" s="634"/>
      <c r="CY41" s="635"/>
      <c r="CZ41" s="624" t="s">
        <v>246</v>
      </c>
      <c r="DA41" s="636"/>
      <c r="DB41" s="636"/>
      <c r="DC41" s="637"/>
      <c r="DD41" s="627" t="s">
        <v>176</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3</v>
      </c>
      <c r="AR42" s="667"/>
      <c r="AS42" s="667"/>
      <c r="AT42" s="667"/>
      <c r="AU42" s="667"/>
      <c r="AV42" s="667"/>
      <c r="AW42" s="667"/>
      <c r="AX42" s="667"/>
      <c r="AY42" s="668"/>
      <c r="AZ42" s="605">
        <v>2995316</v>
      </c>
      <c r="BA42" s="646"/>
      <c r="BB42" s="646"/>
      <c r="BC42" s="646"/>
      <c r="BD42" s="606"/>
      <c r="BE42" s="606"/>
      <c r="BF42" s="669"/>
      <c r="BG42" s="664"/>
      <c r="BH42" s="665"/>
      <c r="BI42" s="665"/>
      <c r="BJ42" s="665"/>
      <c r="BK42" s="665"/>
      <c r="BL42" s="224"/>
      <c r="BM42" s="603" t="s">
        <v>354</v>
      </c>
      <c r="BN42" s="603"/>
      <c r="BO42" s="603"/>
      <c r="BP42" s="603"/>
      <c r="BQ42" s="603"/>
      <c r="BR42" s="603"/>
      <c r="BS42" s="603"/>
      <c r="BT42" s="603"/>
      <c r="BU42" s="604"/>
      <c r="BV42" s="605">
        <v>339</v>
      </c>
      <c r="BW42" s="646"/>
      <c r="BX42" s="646"/>
      <c r="BY42" s="646"/>
      <c r="BZ42" s="646"/>
      <c r="CA42" s="646"/>
      <c r="CB42" s="647"/>
      <c r="CD42" s="618" t="s">
        <v>355</v>
      </c>
      <c r="CE42" s="619"/>
      <c r="CF42" s="619"/>
      <c r="CG42" s="619"/>
      <c r="CH42" s="619"/>
      <c r="CI42" s="619"/>
      <c r="CJ42" s="619"/>
      <c r="CK42" s="619"/>
      <c r="CL42" s="619"/>
      <c r="CM42" s="619"/>
      <c r="CN42" s="619"/>
      <c r="CO42" s="619"/>
      <c r="CP42" s="619"/>
      <c r="CQ42" s="620"/>
      <c r="CR42" s="621">
        <v>3025535</v>
      </c>
      <c r="CS42" s="634"/>
      <c r="CT42" s="634"/>
      <c r="CU42" s="634"/>
      <c r="CV42" s="634"/>
      <c r="CW42" s="634"/>
      <c r="CX42" s="634"/>
      <c r="CY42" s="635"/>
      <c r="CZ42" s="624">
        <v>6.1</v>
      </c>
      <c r="DA42" s="636"/>
      <c r="DB42" s="636"/>
      <c r="DC42" s="637"/>
      <c r="DD42" s="627">
        <v>705731</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6</v>
      </c>
      <c r="CD43" s="618" t="s">
        <v>357</v>
      </c>
      <c r="CE43" s="619"/>
      <c r="CF43" s="619"/>
      <c r="CG43" s="619"/>
      <c r="CH43" s="619"/>
      <c r="CI43" s="619"/>
      <c r="CJ43" s="619"/>
      <c r="CK43" s="619"/>
      <c r="CL43" s="619"/>
      <c r="CM43" s="619"/>
      <c r="CN43" s="619"/>
      <c r="CO43" s="619"/>
      <c r="CP43" s="619"/>
      <c r="CQ43" s="620"/>
      <c r="CR43" s="621">
        <v>95647</v>
      </c>
      <c r="CS43" s="634"/>
      <c r="CT43" s="634"/>
      <c r="CU43" s="634"/>
      <c r="CV43" s="634"/>
      <c r="CW43" s="634"/>
      <c r="CX43" s="634"/>
      <c r="CY43" s="635"/>
      <c r="CZ43" s="624">
        <v>0.2</v>
      </c>
      <c r="DA43" s="636"/>
      <c r="DB43" s="636"/>
      <c r="DC43" s="637"/>
      <c r="DD43" s="627">
        <v>95647</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58</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6</v>
      </c>
      <c r="CE44" s="641"/>
      <c r="CF44" s="618" t="s">
        <v>359</v>
      </c>
      <c r="CG44" s="619"/>
      <c r="CH44" s="619"/>
      <c r="CI44" s="619"/>
      <c r="CJ44" s="619"/>
      <c r="CK44" s="619"/>
      <c r="CL44" s="619"/>
      <c r="CM44" s="619"/>
      <c r="CN44" s="619"/>
      <c r="CO44" s="619"/>
      <c r="CP44" s="619"/>
      <c r="CQ44" s="620"/>
      <c r="CR44" s="621">
        <v>3025535</v>
      </c>
      <c r="CS44" s="622"/>
      <c r="CT44" s="622"/>
      <c r="CU44" s="622"/>
      <c r="CV44" s="622"/>
      <c r="CW44" s="622"/>
      <c r="CX44" s="622"/>
      <c r="CY44" s="623"/>
      <c r="CZ44" s="624">
        <v>6.1</v>
      </c>
      <c r="DA44" s="625"/>
      <c r="DB44" s="625"/>
      <c r="DC44" s="626"/>
      <c r="DD44" s="627">
        <v>705731</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0</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1</v>
      </c>
      <c r="CG45" s="619"/>
      <c r="CH45" s="619"/>
      <c r="CI45" s="619"/>
      <c r="CJ45" s="619"/>
      <c r="CK45" s="619"/>
      <c r="CL45" s="619"/>
      <c r="CM45" s="619"/>
      <c r="CN45" s="619"/>
      <c r="CO45" s="619"/>
      <c r="CP45" s="619"/>
      <c r="CQ45" s="620"/>
      <c r="CR45" s="621">
        <v>1201223</v>
      </c>
      <c r="CS45" s="634"/>
      <c r="CT45" s="634"/>
      <c r="CU45" s="634"/>
      <c r="CV45" s="634"/>
      <c r="CW45" s="634"/>
      <c r="CX45" s="634"/>
      <c r="CY45" s="635"/>
      <c r="CZ45" s="624">
        <v>2.4</v>
      </c>
      <c r="DA45" s="636"/>
      <c r="DB45" s="636"/>
      <c r="DC45" s="637"/>
      <c r="DD45" s="627">
        <v>27043</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2</v>
      </c>
      <c r="CG46" s="619"/>
      <c r="CH46" s="619"/>
      <c r="CI46" s="619"/>
      <c r="CJ46" s="619"/>
      <c r="CK46" s="619"/>
      <c r="CL46" s="619"/>
      <c r="CM46" s="619"/>
      <c r="CN46" s="619"/>
      <c r="CO46" s="619"/>
      <c r="CP46" s="619"/>
      <c r="CQ46" s="620"/>
      <c r="CR46" s="621">
        <v>1824312</v>
      </c>
      <c r="CS46" s="622"/>
      <c r="CT46" s="622"/>
      <c r="CU46" s="622"/>
      <c r="CV46" s="622"/>
      <c r="CW46" s="622"/>
      <c r="CX46" s="622"/>
      <c r="CY46" s="623"/>
      <c r="CZ46" s="624">
        <v>3.7</v>
      </c>
      <c r="DA46" s="625"/>
      <c r="DB46" s="625"/>
      <c r="DC46" s="626"/>
      <c r="DD46" s="627">
        <v>678688</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3</v>
      </c>
      <c r="CG47" s="619"/>
      <c r="CH47" s="619"/>
      <c r="CI47" s="619"/>
      <c r="CJ47" s="619"/>
      <c r="CK47" s="619"/>
      <c r="CL47" s="619"/>
      <c r="CM47" s="619"/>
      <c r="CN47" s="619"/>
      <c r="CO47" s="619"/>
      <c r="CP47" s="619"/>
      <c r="CQ47" s="620"/>
      <c r="CR47" s="621" t="s">
        <v>176</v>
      </c>
      <c r="CS47" s="634"/>
      <c r="CT47" s="634"/>
      <c r="CU47" s="634"/>
      <c r="CV47" s="634"/>
      <c r="CW47" s="634"/>
      <c r="CX47" s="634"/>
      <c r="CY47" s="635"/>
      <c r="CZ47" s="624" t="s">
        <v>176</v>
      </c>
      <c r="DA47" s="636"/>
      <c r="DB47" s="636"/>
      <c r="DC47" s="637"/>
      <c r="DD47" s="627" t="s">
        <v>176</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4</v>
      </c>
      <c r="CG48" s="619"/>
      <c r="CH48" s="619"/>
      <c r="CI48" s="619"/>
      <c r="CJ48" s="619"/>
      <c r="CK48" s="619"/>
      <c r="CL48" s="619"/>
      <c r="CM48" s="619"/>
      <c r="CN48" s="619"/>
      <c r="CO48" s="619"/>
      <c r="CP48" s="619"/>
      <c r="CQ48" s="620"/>
      <c r="CR48" s="621" t="s">
        <v>246</v>
      </c>
      <c r="CS48" s="622"/>
      <c r="CT48" s="622"/>
      <c r="CU48" s="622"/>
      <c r="CV48" s="622"/>
      <c r="CW48" s="622"/>
      <c r="CX48" s="622"/>
      <c r="CY48" s="623"/>
      <c r="CZ48" s="624" t="s">
        <v>246</v>
      </c>
      <c r="DA48" s="625"/>
      <c r="DB48" s="625"/>
      <c r="DC48" s="626"/>
      <c r="DD48" s="627" t="s">
        <v>176</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5</v>
      </c>
      <c r="CE49" s="603"/>
      <c r="CF49" s="603"/>
      <c r="CG49" s="603"/>
      <c r="CH49" s="603"/>
      <c r="CI49" s="603"/>
      <c r="CJ49" s="603"/>
      <c r="CK49" s="603"/>
      <c r="CL49" s="603"/>
      <c r="CM49" s="603"/>
      <c r="CN49" s="603"/>
      <c r="CO49" s="603"/>
      <c r="CP49" s="603"/>
      <c r="CQ49" s="604"/>
      <c r="CR49" s="605">
        <v>49629263</v>
      </c>
      <c r="CS49" s="606"/>
      <c r="CT49" s="606"/>
      <c r="CU49" s="606"/>
      <c r="CV49" s="606"/>
      <c r="CW49" s="606"/>
      <c r="CX49" s="606"/>
      <c r="CY49" s="607"/>
      <c r="CZ49" s="608">
        <v>100</v>
      </c>
      <c r="DA49" s="609"/>
      <c r="DB49" s="609"/>
      <c r="DC49" s="610"/>
      <c r="DD49" s="611">
        <v>28816698</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0nh27wowA+J1YufVaSj2cUfvILdY2VhI6hOlLlSEGU46PIgRAgkpCDTpbzL+oahy0y6SsercEQJ5G0tHHTpG5Q==" saltValue="LIOp5DFM0LqPIXSfDml8S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2" t="s">
        <v>366</v>
      </c>
      <c r="B2" s="1092"/>
      <c r="C2" s="1092"/>
      <c r="D2" s="1092"/>
      <c r="E2" s="1092"/>
      <c r="F2" s="1092"/>
      <c r="G2" s="1092"/>
      <c r="H2" s="1092"/>
      <c r="I2" s="1092"/>
      <c r="J2" s="1092"/>
      <c r="K2" s="1092"/>
      <c r="L2" s="1092"/>
      <c r="M2" s="1092"/>
      <c r="N2" s="1092"/>
      <c r="O2" s="1092"/>
      <c r="P2" s="1092"/>
      <c r="Q2" s="1092"/>
      <c r="R2" s="1092"/>
      <c r="S2" s="1092"/>
      <c r="T2" s="1092"/>
      <c r="U2" s="1092"/>
      <c r="V2" s="1092"/>
      <c r="W2" s="1092"/>
      <c r="X2" s="1092"/>
      <c r="Y2" s="1092"/>
      <c r="Z2" s="1092"/>
      <c r="AA2" s="1092"/>
      <c r="AB2" s="1092"/>
      <c r="AC2" s="1092"/>
      <c r="AD2" s="1092"/>
      <c r="AE2" s="1092"/>
      <c r="AF2" s="1092"/>
      <c r="AG2" s="1092"/>
      <c r="AH2" s="1092"/>
      <c r="AI2" s="1092"/>
      <c r="AJ2" s="1092"/>
      <c r="AK2" s="1092"/>
      <c r="AL2" s="1092"/>
      <c r="AM2" s="1092"/>
      <c r="AN2" s="1092"/>
      <c r="AO2" s="1092"/>
      <c r="AP2" s="1092"/>
      <c r="AQ2" s="1092"/>
      <c r="AR2" s="1092"/>
      <c r="AS2" s="1092"/>
      <c r="AT2" s="1092"/>
      <c r="AU2" s="1092"/>
      <c r="AV2" s="1092"/>
      <c r="AW2" s="1092"/>
      <c r="AX2" s="1092"/>
      <c r="AY2" s="1092"/>
      <c r="AZ2" s="1092"/>
      <c r="BA2" s="1092"/>
      <c r="BB2" s="1092"/>
      <c r="BC2" s="1092"/>
      <c r="BD2" s="1092"/>
      <c r="BE2" s="1092"/>
      <c r="BF2" s="1092"/>
      <c r="BG2" s="1092"/>
      <c r="BH2" s="1092"/>
      <c r="BI2" s="1092"/>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3" t="s">
        <v>367</v>
      </c>
      <c r="DK2" s="1094"/>
      <c r="DL2" s="1094"/>
      <c r="DM2" s="1094"/>
      <c r="DN2" s="1094"/>
      <c r="DO2" s="1095"/>
      <c r="DP2" s="228"/>
      <c r="DQ2" s="1093" t="s">
        <v>368</v>
      </c>
      <c r="DR2" s="1094"/>
      <c r="DS2" s="1094"/>
      <c r="DT2" s="1094"/>
      <c r="DU2" s="1094"/>
      <c r="DV2" s="1094"/>
      <c r="DW2" s="1094"/>
      <c r="DX2" s="1094"/>
      <c r="DY2" s="1094"/>
      <c r="DZ2" s="1095"/>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61" t="s">
        <v>369</v>
      </c>
      <c r="B4" s="1061"/>
      <c r="C4" s="1061"/>
      <c r="D4" s="1061"/>
      <c r="E4" s="1061"/>
      <c r="F4" s="1061"/>
      <c r="G4" s="1061"/>
      <c r="H4" s="1061"/>
      <c r="I4" s="1061"/>
      <c r="J4" s="1061"/>
      <c r="K4" s="1061"/>
      <c r="L4" s="1061"/>
      <c r="M4" s="1061"/>
      <c r="N4" s="1061"/>
      <c r="O4" s="1061"/>
      <c r="P4" s="1061"/>
      <c r="Q4" s="1061"/>
      <c r="R4" s="1061"/>
      <c r="S4" s="1061"/>
      <c r="T4" s="1061"/>
      <c r="U4" s="1061"/>
      <c r="V4" s="1061"/>
      <c r="W4" s="1061"/>
      <c r="X4" s="1061"/>
      <c r="Y4" s="1061"/>
      <c r="Z4" s="1061"/>
      <c r="AA4" s="1061"/>
      <c r="AB4" s="1061"/>
      <c r="AC4" s="1061"/>
      <c r="AD4" s="1061"/>
      <c r="AE4" s="1061"/>
      <c r="AF4" s="1061"/>
      <c r="AG4" s="1061"/>
      <c r="AH4" s="1061"/>
      <c r="AI4" s="1061"/>
      <c r="AJ4" s="1061"/>
      <c r="AK4" s="1061"/>
      <c r="AL4" s="1061"/>
      <c r="AM4" s="1061"/>
      <c r="AN4" s="1061"/>
      <c r="AO4" s="1061"/>
      <c r="AP4" s="1061"/>
      <c r="AQ4" s="1061"/>
      <c r="AR4" s="1061"/>
      <c r="AS4" s="1061"/>
      <c r="AT4" s="1061"/>
      <c r="AU4" s="1061"/>
      <c r="AV4" s="1061"/>
      <c r="AW4" s="1061"/>
      <c r="AX4" s="1061"/>
      <c r="AY4" s="1061"/>
      <c r="AZ4" s="232"/>
      <c r="BA4" s="232"/>
      <c r="BB4" s="232"/>
      <c r="BC4" s="232"/>
      <c r="BD4" s="232"/>
      <c r="BE4" s="233"/>
      <c r="BF4" s="233"/>
      <c r="BG4" s="233"/>
      <c r="BH4" s="233"/>
      <c r="BI4" s="233"/>
      <c r="BJ4" s="233"/>
      <c r="BK4" s="233"/>
      <c r="BL4" s="233"/>
      <c r="BM4" s="233"/>
      <c r="BN4" s="233"/>
      <c r="BO4" s="233"/>
      <c r="BP4" s="233"/>
      <c r="BQ4" s="730" t="s">
        <v>370</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7" t="s">
        <v>371</v>
      </c>
      <c r="B5" s="998"/>
      <c r="C5" s="998"/>
      <c r="D5" s="998"/>
      <c r="E5" s="998"/>
      <c r="F5" s="998"/>
      <c r="G5" s="998"/>
      <c r="H5" s="998"/>
      <c r="I5" s="998"/>
      <c r="J5" s="998"/>
      <c r="K5" s="998"/>
      <c r="L5" s="998"/>
      <c r="M5" s="998"/>
      <c r="N5" s="998"/>
      <c r="O5" s="998"/>
      <c r="P5" s="999"/>
      <c r="Q5" s="1003" t="s">
        <v>372</v>
      </c>
      <c r="R5" s="1004"/>
      <c r="S5" s="1004"/>
      <c r="T5" s="1004"/>
      <c r="U5" s="1005"/>
      <c r="V5" s="1003" t="s">
        <v>373</v>
      </c>
      <c r="W5" s="1004"/>
      <c r="X5" s="1004"/>
      <c r="Y5" s="1004"/>
      <c r="Z5" s="1005"/>
      <c r="AA5" s="1003" t="s">
        <v>374</v>
      </c>
      <c r="AB5" s="1004"/>
      <c r="AC5" s="1004"/>
      <c r="AD5" s="1004"/>
      <c r="AE5" s="1004"/>
      <c r="AF5" s="1096" t="s">
        <v>375</v>
      </c>
      <c r="AG5" s="1004"/>
      <c r="AH5" s="1004"/>
      <c r="AI5" s="1004"/>
      <c r="AJ5" s="1017"/>
      <c r="AK5" s="1004" t="s">
        <v>376</v>
      </c>
      <c r="AL5" s="1004"/>
      <c r="AM5" s="1004"/>
      <c r="AN5" s="1004"/>
      <c r="AO5" s="1005"/>
      <c r="AP5" s="1003" t="s">
        <v>377</v>
      </c>
      <c r="AQ5" s="1004"/>
      <c r="AR5" s="1004"/>
      <c r="AS5" s="1004"/>
      <c r="AT5" s="1005"/>
      <c r="AU5" s="1003" t="s">
        <v>378</v>
      </c>
      <c r="AV5" s="1004"/>
      <c r="AW5" s="1004"/>
      <c r="AX5" s="1004"/>
      <c r="AY5" s="1017"/>
      <c r="AZ5" s="232"/>
      <c r="BA5" s="232"/>
      <c r="BB5" s="232"/>
      <c r="BC5" s="232"/>
      <c r="BD5" s="232"/>
      <c r="BE5" s="233"/>
      <c r="BF5" s="233"/>
      <c r="BG5" s="233"/>
      <c r="BH5" s="233"/>
      <c r="BI5" s="233"/>
      <c r="BJ5" s="233"/>
      <c r="BK5" s="233"/>
      <c r="BL5" s="233"/>
      <c r="BM5" s="233"/>
      <c r="BN5" s="233"/>
      <c r="BO5" s="233"/>
      <c r="BP5" s="233"/>
      <c r="BQ5" s="997" t="s">
        <v>379</v>
      </c>
      <c r="BR5" s="998"/>
      <c r="BS5" s="998"/>
      <c r="BT5" s="998"/>
      <c r="BU5" s="998"/>
      <c r="BV5" s="998"/>
      <c r="BW5" s="998"/>
      <c r="BX5" s="998"/>
      <c r="BY5" s="998"/>
      <c r="BZ5" s="998"/>
      <c r="CA5" s="998"/>
      <c r="CB5" s="998"/>
      <c r="CC5" s="998"/>
      <c r="CD5" s="998"/>
      <c r="CE5" s="998"/>
      <c r="CF5" s="998"/>
      <c r="CG5" s="999"/>
      <c r="CH5" s="1003" t="s">
        <v>380</v>
      </c>
      <c r="CI5" s="1004"/>
      <c r="CJ5" s="1004"/>
      <c r="CK5" s="1004"/>
      <c r="CL5" s="1005"/>
      <c r="CM5" s="1003" t="s">
        <v>381</v>
      </c>
      <c r="CN5" s="1004"/>
      <c r="CO5" s="1004"/>
      <c r="CP5" s="1004"/>
      <c r="CQ5" s="1005"/>
      <c r="CR5" s="1003" t="s">
        <v>382</v>
      </c>
      <c r="CS5" s="1004"/>
      <c r="CT5" s="1004"/>
      <c r="CU5" s="1004"/>
      <c r="CV5" s="1005"/>
      <c r="CW5" s="1003" t="s">
        <v>383</v>
      </c>
      <c r="CX5" s="1004"/>
      <c r="CY5" s="1004"/>
      <c r="CZ5" s="1004"/>
      <c r="DA5" s="1005"/>
      <c r="DB5" s="1003" t="s">
        <v>384</v>
      </c>
      <c r="DC5" s="1004"/>
      <c r="DD5" s="1004"/>
      <c r="DE5" s="1004"/>
      <c r="DF5" s="1005"/>
      <c r="DG5" s="1086" t="s">
        <v>385</v>
      </c>
      <c r="DH5" s="1087"/>
      <c r="DI5" s="1087"/>
      <c r="DJ5" s="1087"/>
      <c r="DK5" s="1088"/>
      <c r="DL5" s="1086" t="s">
        <v>386</v>
      </c>
      <c r="DM5" s="1087"/>
      <c r="DN5" s="1087"/>
      <c r="DO5" s="1087"/>
      <c r="DP5" s="1088"/>
      <c r="DQ5" s="1003" t="s">
        <v>387</v>
      </c>
      <c r="DR5" s="1004"/>
      <c r="DS5" s="1004"/>
      <c r="DT5" s="1004"/>
      <c r="DU5" s="1005"/>
      <c r="DV5" s="1003" t="s">
        <v>378</v>
      </c>
      <c r="DW5" s="1004"/>
      <c r="DX5" s="1004"/>
      <c r="DY5" s="1004"/>
      <c r="DZ5" s="1017"/>
      <c r="EA5" s="234"/>
    </row>
    <row r="6" spans="1:131" s="235" customFormat="1" ht="26.25" customHeight="1" thickBot="1" x14ac:dyDescent="0.25">
      <c r="A6" s="1000"/>
      <c r="B6" s="1001"/>
      <c r="C6" s="1001"/>
      <c r="D6" s="1001"/>
      <c r="E6" s="1001"/>
      <c r="F6" s="1001"/>
      <c r="G6" s="1001"/>
      <c r="H6" s="1001"/>
      <c r="I6" s="1001"/>
      <c r="J6" s="1001"/>
      <c r="K6" s="1001"/>
      <c r="L6" s="1001"/>
      <c r="M6" s="1001"/>
      <c r="N6" s="1001"/>
      <c r="O6" s="1001"/>
      <c r="P6" s="1002"/>
      <c r="Q6" s="1006"/>
      <c r="R6" s="1007"/>
      <c r="S6" s="1007"/>
      <c r="T6" s="1007"/>
      <c r="U6" s="1008"/>
      <c r="V6" s="1006"/>
      <c r="W6" s="1007"/>
      <c r="X6" s="1007"/>
      <c r="Y6" s="1007"/>
      <c r="Z6" s="1008"/>
      <c r="AA6" s="1006"/>
      <c r="AB6" s="1007"/>
      <c r="AC6" s="1007"/>
      <c r="AD6" s="1007"/>
      <c r="AE6" s="1007"/>
      <c r="AF6" s="1097"/>
      <c r="AG6" s="1007"/>
      <c r="AH6" s="1007"/>
      <c r="AI6" s="1007"/>
      <c r="AJ6" s="1018"/>
      <c r="AK6" s="1007"/>
      <c r="AL6" s="1007"/>
      <c r="AM6" s="1007"/>
      <c r="AN6" s="1007"/>
      <c r="AO6" s="1008"/>
      <c r="AP6" s="1006"/>
      <c r="AQ6" s="1007"/>
      <c r="AR6" s="1007"/>
      <c r="AS6" s="1007"/>
      <c r="AT6" s="1008"/>
      <c r="AU6" s="1006"/>
      <c r="AV6" s="1007"/>
      <c r="AW6" s="1007"/>
      <c r="AX6" s="1007"/>
      <c r="AY6" s="1018"/>
      <c r="AZ6" s="232"/>
      <c r="BA6" s="232"/>
      <c r="BB6" s="232"/>
      <c r="BC6" s="232"/>
      <c r="BD6" s="232"/>
      <c r="BE6" s="233"/>
      <c r="BF6" s="233"/>
      <c r="BG6" s="233"/>
      <c r="BH6" s="233"/>
      <c r="BI6" s="233"/>
      <c r="BJ6" s="233"/>
      <c r="BK6" s="233"/>
      <c r="BL6" s="233"/>
      <c r="BM6" s="233"/>
      <c r="BN6" s="233"/>
      <c r="BO6" s="233"/>
      <c r="BP6" s="233"/>
      <c r="BQ6" s="1000"/>
      <c r="BR6" s="1001"/>
      <c r="BS6" s="1001"/>
      <c r="BT6" s="1001"/>
      <c r="BU6" s="1001"/>
      <c r="BV6" s="1001"/>
      <c r="BW6" s="1001"/>
      <c r="BX6" s="1001"/>
      <c r="BY6" s="1001"/>
      <c r="BZ6" s="1001"/>
      <c r="CA6" s="1001"/>
      <c r="CB6" s="1001"/>
      <c r="CC6" s="1001"/>
      <c r="CD6" s="1001"/>
      <c r="CE6" s="1001"/>
      <c r="CF6" s="1001"/>
      <c r="CG6" s="1002"/>
      <c r="CH6" s="1006"/>
      <c r="CI6" s="1007"/>
      <c r="CJ6" s="1007"/>
      <c r="CK6" s="1007"/>
      <c r="CL6" s="1008"/>
      <c r="CM6" s="1006"/>
      <c r="CN6" s="1007"/>
      <c r="CO6" s="1007"/>
      <c r="CP6" s="1007"/>
      <c r="CQ6" s="1008"/>
      <c r="CR6" s="1006"/>
      <c r="CS6" s="1007"/>
      <c r="CT6" s="1007"/>
      <c r="CU6" s="1007"/>
      <c r="CV6" s="1008"/>
      <c r="CW6" s="1006"/>
      <c r="CX6" s="1007"/>
      <c r="CY6" s="1007"/>
      <c r="CZ6" s="1007"/>
      <c r="DA6" s="1008"/>
      <c r="DB6" s="1006"/>
      <c r="DC6" s="1007"/>
      <c r="DD6" s="1007"/>
      <c r="DE6" s="1007"/>
      <c r="DF6" s="1008"/>
      <c r="DG6" s="1089"/>
      <c r="DH6" s="1090"/>
      <c r="DI6" s="1090"/>
      <c r="DJ6" s="1090"/>
      <c r="DK6" s="1091"/>
      <c r="DL6" s="1089"/>
      <c r="DM6" s="1090"/>
      <c r="DN6" s="1090"/>
      <c r="DO6" s="1090"/>
      <c r="DP6" s="1091"/>
      <c r="DQ6" s="1006"/>
      <c r="DR6" s="1007"/>
      <c r="DS6" s="1007"/>
      <c r="DT6" s="1007"/>
      <c r="DU6" s="1008"/>
      <c r="DV6" s="1006"/>
      <c r="DW6" s="1007"/>
      <c r="DX6" s="1007"/>
      <c r="DY6" s="1007"/>
      <c r="DZ6" s="1018"/>
      <c r="EA6" s="234"/>
    </row>
    <row r="7" spans="1:131" s="235" customFormat="1" ht="26.25" customHeight="1" thickTop="1" x14ac:dyDescent="0.2">
      <c r="A7" s="236">
        <v>1</v>
      </c>
      <c r="B7" s="1049" t="s">
        <v>388</v>
      </c>
      <c r="C7" s="1050"/>
      <c r="D7" s="1050"/>
      <c r="E7" s="1050"/>
      <c r="F7" s="1050"/>
      <c r="G7" s="1050"/>
      <c r="H7" s="1050"/>
      <c r="I7" s="1050"/>
      <c r="J7" s="1050"/>
      <c r="K7" s="1050"/>
      <c r="L7" s="1050"/>
      <c r="M7" s="1050"/>
      <c r="N7" s="1050"/>
      <c r="O7" s="1050"/>
      <c r="P7" s="1051"/>
      <c r="Q7" s="1104">
        <v>52148</v>
      </c>
      <c r="R7" s="1105"/>
      <c r="S7" s="1105"/>
      <c r="T7" s="1105"/>
      <c r="U7" s="1105"/>
      <c r="V7" s="1105">
        <v>49629</v>
      </c>
      <c r="W7" s="1105"/>
      <c r="X7" s="1105"/>
      <c r="Y7" s="1105"/>
      <c r="Z7" s="1105"/>
      <c r="AA7" s="1105">
        <v>2518</v>
      </c>
      <c r="AB7" s="1105"/>
      <c r="AC7" s="1105"/>
      <c r="AD7" s="1105"/>
      <c r="AE7" s="1106"/>
      <c r="AF7" s="1107">
        <v>2378</v>
      </c>
      <c r="AG7" s="1108"/>
      <c r="AH7" s="1108"/>
      <c r="AI7" s="1108"/>
      <c r="AJ7" s="1109"/>
      <c r="AK7" s="1110">
        <v>1426</v>
      </c>
      <c r="AL7" s="1111"/>
      <c r="AM7" s="1111"/>
      <c r="AN7" s="1111"/>
      <c r="AO7" s="1111"/>
      <c r="AP7" s="1111">
        <v>16227</v>
      </c>
      <c r="AQ7" s="1111"/>
      <c r="AR7" s="1111"/>
      <c r="AS7" s="1111"/>
      <c r="AT7" s="1111"/>
      <c r="AU7" s="1112"/>
      <c r="AV7" s="1112"/>
      <c r="AW7" s="1112"/>
      <c r="AX7" s="1112"/>
      <c r="AY7" s="1113"/>
      <c r="AZ7" s="232"/>
      <c r="BA7" s="232"/>
      <c r="BB7" s="232"/>
      <c r="BC7" s="232"/>
      <c r="BD7" s="232"/>
      <c r="BE7" s="233"/>
      <c r="BF7" s="233"/>
      <c r="BG7" s="233"/>
      <c r="BH7" s="233"/>
      <c r="BI7" s="233"/>
      <c r="BJ7" s="233"/>
      <c r="BK7" s="233"/>
      <c r="BL7" s="233"/>
      <c r="BM7" s="233"/>
      <c r="BN7" s="233"/>
      <c r="BO7" s="233"/>
      <c r="BP7" s="233"/>
      <c r="BQ7" s="236">
        <v>1</v>
      </c>
      <c r="BR7" s="237" t="s">
        <v>597</v>
      </c>
      <c r="BS7" s="1101" t="s">
        <v>598</v>
      </c>
      <c r="BT7" s="1102"/>
      <c r="BU7" s="1102"/>
      <c r="BV7" s="1102"/>
      <c r="BW7" s="1102"/>
      <c r="BX7" s="1102"/>
      <c r="BY7" s="1102"/>
      <c r="BZ7" s="1102"/>
      <c r="CA7" s="1102"/>
      <c r="CB7" s="1102"/>
      <c r="CC7" s="1102"/>
      <c r="CD7" s="1102"/>
      <c r="CE7" s="1102"/>
      <c r="CF7" s="1102"/>
      <c r="CG7" s="1114"/>
      <c r="CH7" s="1098">
        <v>0</v>
      </c>
      <c r="CI7" s="1099"/>
      <c r="CJ7" s="1099"/>
      <c r="CK7" s="1099"/>
      <c r="CL7" s="1100"/>
      <c r="CM7" s="1098">
        <v>15</v>
      </c>
      <c r="CN7" s="1099"/>
      <c r="CO7" s="1099"/>
      <c r="CP7" s="1099"/>
      <c r="CQ7" s="1100"/>
      <c r="CR7" s="1098">
        <v>5</v>
      </c>
      <c r="CS7" s="1099"/>
      <c r="CT7" s="1099"/>
      <c r="CU7" s="1099"/>
      <c r="CV7" s="1100"/>
      <c r="CW7" s="1098" t="s">
        <v>599</v>
      </c>
      <c r="CX7" s="1099"/>
      <c r="CY7" s="1099"/>
      <c r="CZ7" s="1099"/>
      <c r="DA7" s="1100"/>
      <c r="DB7" s="1098">
        <v>300</v>
      </c>
      <c r="DC7" s="1099"/>
      <c r="DD7" s="1099"/>
      <c r="DE7" s="1099"/>
      <c r="DF7" s="1100"/>
      <c r="DG7" s="1098" t="s">
        <v>599</v>
      </c>
      <c r="DH7" s="1099"/>
      <c r="DI7" s="1099"/>
      <c r="DJ7" s="1099"/>
      <c r="DK7" s="1100"/>
      <c r="DL7" s="1098" t="s">
        <v>599</v>
      </c>
      <c r="DM7" s="1099"/>
      <c r="DN7" s="1099"/>
      <c r="DO7" s="1099"/>
      <c r="DP7" s="1100"/>
      <c r="DQ7" s="1098" t="s">
        <v>599</v>
      </c>
      <c r="DR7" s="1099"/>
      <c r="DS7" s="1099"/>
      <c r="DT7" s="1099"/>
      <c r="DU7" s="1100"/>
      <c r="DV7" s="1101"/>
      <c r="DW7" s="1102"/>
      <c r="DX7" s="1102"/>
      <c r="DY7" s="1102"/>
      <c r="DZ7" s="1103"/>
      <c r="EA7" s="234"/>
    </row>
    <row r="8" spans="1:131" s="235" customFormat="1" ht="26.25" customHeight="1" x14ac:dyDescent="0.2">
      <c r="A8" s="238">
        <v>2</v>
      </c>
      <c r="B8" s="1032"/>
      <c r="C8" s="1033"/>
      <c r="D8" s="1033"/>
      <c r="E8" s="1033"/>
      <c r="F8" s="1033"/>
      <c r="G8" s="1033"/>
      <c r="H8" s="1033"/>
      <c r="I8" s="1033"/>
      <c r="J8" s="1033"/>
      <c r="K8" s="1033"/>
      <c r="L8" s="1033"/>
      <c r="M8" s="1033"/>
      <c r="N8" s="1033"/>
      <c r="O8" s="1033"/>
      <c r="P8" s="1034"/>
      <c r="Q8" s="1040"/>
      <c r="R8" s="1041"/>
      <c r="S8" s="1041"/>
      <c r="T8" s="1041"/>
      <c r="U8" s="1041"/>
      <c r="V8" s="1041"/>
      <c r="W8" s="1041"/>
      <c r="X8" s="1041"/>
      <c r="Y8" s="1041"/>
      <c r="Z8" s="1041"/>
      <c r="AA8" s="1041"/>
      <c r="AB8" s="1041"/>
      <c r="AC8" s="1041"/>
      <c r="AD8" s="1041"/>
      <c r="AE8" s="1042"/>
      <c r="AF8" s="1037"/>
      <c r="AG8" s="1038"/>
      <c r="AH8" s="1038"/>
      <c r="AI8" s="1038"/>
      <c r="AJ8" s="1039"/>
      <c r="AK8" s="1082"/>
      <c r="AL8" s="1083"/>
      <c r="AM8" s="1083"/>
      <c r="AN8" s="1083"/>
      <c r="AO8" s="1083"/>
      <c r="AP8" s="1083"/>
      <c r="AQ8" s="1083"/>
      <c r="AR8" s="1083"/>
      <c r="AS8" s="1083"/>
      <c r="AT8" s="1083"/>
      <c r="AU8" s="1084"/>
      <c r="AV8" s="1084"/>
      <c r="AW8" s="1084"/>
      <c r="AX8" s="1084"/>
      <c r="AY8" s="1085"/>
      <c r="AZ8" s="232"/>
      <c r="BA8" s="232"/>
      <c r="BB8" s="232"/>
      <c r="BC8" s="232"/>
      <c r="BD8" s="232"/>
      <c r="BE8" s="233"/>
      <c r="BF8" s="233"/>
      <c r="BG8" s="233"/>
      <c r="BH8" s="233"/>
      <c r="BI8" s="233"/>
      <c r="BJ8" s="233"/>
      <c r="BK8" s="233"/>
      <c r="BL8" s="233"/>
      <c r="BM8" s="233"/>
      <c r="BN8" s="233"/>
      <c r="BO8" s="233"/>
      <c r="BP8" s="233"/>
      <c r="BQ8" s="238">
        <v>2</v>
      </c>
      <c r="BR8" s="239"/>
      <c r="BS8" s="994"/>
      <c r="BT8" s="995"/>
      <c r="BU8" s="995"/>
      <c r="BV8" s="995"/>
      <c r="BW8" s="995"/>
      <c r="BX8" s="995"/>
      <c r="BY8" s="995"/>
      <c r="BZ8" s="995"/>
      <c r="CA8" s="995"/>
      <c r="CB8" s="995"/>
      <c r="CC8" s="995"/>
      <c r="CD8" s="995"/>
      <c r="CE8" s="995"/>
      <c r="CF8" s="995"/>
      <c r="CG8" s="1016"/>
      <c r="CH8" s="991"/>
      <c r="CI8" s="992"/>
      <c r="CJ8" s="992"/>
      <c r="CK8" s="992"/>
      <c r="CL8" s="993"/>
      <c r="CM8" s="991"/>
      <c r="CN8" s="992"/>
      <c r="CO8" s="992"/>
      <c r="CP8" s="992"/>
      <c r="CQ8" s="993"/>
      <c r="CR8" s="991"/>
      <c r="CS8" s="992"/>
      <c r="CT8" s="992"/>
      <c r="CU8" s="992"/>
      <c r="CV8" s="993"/>
      <c r="CW8" s="991"/>
      <c r="CX8" s="992"/>
      <c r="CY8" s="992"/>
      <c r="CZ8" s="992"/>
      <c r="DA8" s="993"/>
      <c r="DB8" s="991"/>
      <c r="DC8" s="992"/>
      <c r="DD8" s="992"/>
      <c r="DE8" s="992"/>
      <c r="DF8" s="993"/>
      <c r="DG8" s="991"/>
      <c r="DH8" s="992"/>
      <c r="DI8" s="992"/>
      <c r="DJ8" s="992"/>
      <c r="DK8" s="993"/>
      <c r="DL8" s="991"/>
      <c r="DM8" s="992"/>
      <c r="DN8" s="992"/>
      <c r="DO8" s="992"/>
      <c r="DP8" s="993"/>
      <c r="DQ8" s="991"/>
      <c r="DR8" s="992"/>
      <c r="DS8" s="992"/>
      <c r="DT8" s="992"/>
      <c r="DU8" s="993"/>
      <c r="DV8" s="994"/>
      <c r="DW8" s="995"/>
      <c r="DX8" s="995"/>
      <c r="DY8" s="995"/>
      <c r="DZ8" s="996"/>
      <c r="EA8" s="234"/>
    </row>
    <row r="9" spans="1:131" s="235" customFormat="1" ht="26.25" customHeight="1" x14ac:dyDescent="0.2">
      <c r="A9" s="238">
        <v>3</v>
      </c>
      <c r="B9" s="1032"/>
      <c r="C9" s="1033"/>
      <c r="D9" s="1033"/>
      <c r="E9" s="1033"/>
      <c r="F9" s="1033"/>
      <c r="G9" s="1033"/>
      <c r="H9" s="1033"/>
      <c r="I9" s="1033"/>
      <c r="J9" s="1033"/>
      <c r="K9" s="1033"/>
      <c r="L9" s="1033"/>
      <c r="M9" s="1033"/>
      <c r="N9" s="1033"/>
      <c r="O9" s="1033"/>
      <c r="P9" s="1034"/>
      <c r="Q9" s="1040"/>
      <c r="R9" s="1041"/>
      <c r="S9" s="1041"/>
      <c r="T9" s="1041"/>
      <c r="U9" s="1041"/>
      <c r="V9" s="1041"/>
      <c r="W9" s="1041"/>
      <c r="X9" s="1041"/>
      <c r="Y9" s="1041"/>
      <c r="Z9" s="1041"/>
      <c r="AA9" s="1041"/>
      <c r="AB9" s="1041"/>
      <c r="AC9" s="1041"/>
      <c r="AD9" s="1041"/>
      <c r="AE9" s="1042"/>
      <c r="AF9" s="1037"/>
      <c r="AG9" s="1038"/>
      <c r="AH9" s="1038"/>
      <c r="AI9" s="1038"/>
      <c r="AJ9" s="1039"/>
      <c r="AK9" s="1082"/>
      <c r="AL9" s="1083"/>
      <c r="AM9" s="1083"/>
      <c r="AN9" s="1083"/>
      <c r="AO9" s="1083"/>
      <c r="AP9" s="1083"/>
      <c r="AQ9" s="1083"/>
      <c r="AR9" s="1083"/>
      <c r="AS9" s="1083"/>
      <c r="AT9" s="1083"/>
      <c r="AU9" s="1084"/>
      <c r="AV9" s="1084"/>
      <c r="AW9" s="1084"/>
      <c r="AX9" s="1084"/>
      <c r="AY9" s="1085"/>
      <c r="AZ9" s="232"/>
      <c r="BA9" s="232"/>
      <c r="BB9" s="232"/>
      <c r="BC9" s="232"/>
      <c r="BD9" s="232"/>
      <c r="BE9" s="233"/>
      <c r="BF9" s="233"/>
      <c r="BG9" s="233"/>
      <c r="BH9" s="233"/>
      <c r="BI9" s="233"/>
      <c r="BJ9" s="233"/>
      <c r="BK9" s="233"/>
      <c r="BL9" s="233"/>
      <c r="BM9" s="233"/>
      <c r="BN9" s="233"/>
      <c r="BO9" s="233"/>
      <c r="BP9" s="233"/>
      <c r="BQ9" s="238">
        <v>3</v>
      </c>
      <c r="BR9" s="239"/>
      <c r="BS9" s="994"/>
      <c r="BT9" s="995"/>
      <c r="BU9" s="995"/>
      <c r="BV9" s="995"/>
      <c r="BW9" s="995"/>
      <c r="BX9" s="995"/>
      <c r="BY9" s="995"/>
      <c r="BZ9" s="995"/>
      <c r="CA9" s="995"/>
      <c r="CB9" s="995"/>
      <c r="CC9" s="995"/>
      <c r="CD9" s="995"/>
      <c r="CE9" s="995"/>
      <c r="CF9" s="995"/>
      <c r="CG9" s="1016"/>
      <c r="CH9" s="991"/>
      <c r="CI9" s="992"/>
      <c r="CJ9" s="992"/>
      <c r="CK9" s="992"/>
      <c r="CL9" s="993"/>
      <c r="CM9" s="991"/>
      <c r="CN9" s="992"/>
      <c r="CO9" s="992"/>
      <c r="CP9" s="992"/>
      <c r="CQ9" s="993"/>
      <c r="CR9" s="991"/>
      <c r="CS9" s="992"/>
      <c r="CT9" s="992"/>
      <c r="CU9" s="992"/>
      <c r="CV9" s="993"/>
      <c r="CW9" s="991"/>
      <c r="CX9" s="992"/>
      <c r="CY9" s="992"/>
      <c r="CZ9" s="992"/>
      <c r="DA9" s="993"/>
      <c r="DB9" s="991"/>
      <c r="DC9" s="992"/>
      <c r="DD9" s="992"/>
      <c r="DE9" s="992"/>
      <c r="DF9" s="993"/>
      <c r="DG9" s="991"/>
      <c r="DH9" s="992"/>
      <c r="DI9" s="992"/>
      <c r="DJ9" s="992"/>
      <c r="DK9" s="993"/>
      <c r="DL9" s="991"/>
      <c r="DM9" s="992"/>
      <c r="DN9" s="992"/>
      <c r="DO9" s="992"/>
      <c r="DP9" s="993"/>
      <c r="DQ9" s="991"/>
      <c r="DR9" s="992"/>
      <c r="DS9" s="992"/>
      <c r="DT9" s="992"/>
      <c r="DU9" s="993"/>
      <c r="DV9" s="994"/>
      <c r="DW9" s="995"/>
      <c r="DX9" s="995"/>
      <c r="DY9" s="995"/>
      <c r="DZ9" s="996"/>
      <c r="EA9" s="234"/>
    </row>
    <row r="10" spans="1:131" s="235" customFormat="1" ht="26.25" customHeight="1" x14ac:dyDescent="0.2">
      <c r="A10" s="238">
        <v>4</v>
      </c>
      <c r="B10" s="1032"/>
      <c r="C10" s="1033"/>
      <c r="D10" s="1033"/>
      <c r="E10" s="1033"/>
      <c r="F10" s="1033"/>
      <c r="G10" s="1033"/>
      <c r="H10" s="1033"/>
      <c r="I10" s="1033"/>
      <c r="J10" s="1033"/>
      <c r="K10" s="1033"/>
      <c r="L10" s="1033"/>
      <c r="M10" s="1033"/>
      <c r="N10" s="1033"/>
      <c r="O10" s="1033"/>
      <c r="P10" s="1034"/>
      <c r="Q10" s="1040"/>
      <c r="R10" s="1041"/>
      <c r="S10" s="1041"/>
      <c r="T10" s="1041"/>
      <c r="U10" s="1041"/>
      <c r="V10" s="1041"/>
      <c r="W10" s="1041"/>
      <c r="X10" s="1041"/>
      <c r="Y10" s="1041"/>
      <c r="Z10" s="1041"/>
      <c r="AA10" s="1041"/>
      <c r="AB10" s="1041"/>
      <c r="AC10" s="1041"/>
      <c r="AD10" s="1041"/>
      <c r="AE10" s="1042"/>
      <c r="AF10" s="1037"/>
      <c r="AG10" s="1038"/>
      <c r="AH10" s="1038"/>
      <c r="AI10" s="1038"/>
      <c r="AJ10" s="1039"/>
      <c r="AK10" s="1082"/>
      <c r="AL10" s="1083"/>
      <c r="AM10" s="1083"/>
      <c r="AN10" s="1083"/>
      <c r="AO10" s="1083"/>
      <c r="AP10" s="1083"/>
      <c r="AQ10" s="1083"/>
      <c r="AR10" s="1083"/>
      <c r="AS10" s="1083"/>
      <c r="AT10" s="1083"/>
      <c r="AU10" s="1084"/>
      <c r="AV10" s="1084"/>
      <c r="AW10" s="1084"/>
      <c r="AX10" s="1084"/>
      <c r="AY10" s="1085"/>
      <c r="AZ10" s="232"/>
      <c r="BA10" s="232"/>
      <c r="BB10" s="232"/>
      <c r="BC10" s="232"/>
      <c r="BD10" s="232"/>
      <c r="BE10" s="233"/>
      <c r="BF10" s="233"/>
      <c r="BG10" s="233"/>
      <c r="BH10" s="233"/>
      <c r="BI10" s="233"/>
      <c r="BJ10" s="233"/>
      <c r="BK10" s="233"/>
      <c r="BL10" s="233"/>
      <c r="BM10" s="233"/>
      <c r="BN10" s="233"/>
      <c r="BO10" s="233"/>
      <c r="BP10" s="233"/>
      <c r="BQ10" s="238">
        <v>4</v>
      </c>
      <c r="BR10" s="239"/>
      <c r="BS10" s="994"/>
      <c r="BT10" s="995"/>
      <c r="BU10" s="995"/>
      <c r="BV10" s="995"/>
      <c r="BW10" s="995"/>
      <c r="BX10" s="995"/>
      <c r="BY10" s="995"/>
      <c r="BZ10" s="995"/>
      <c r="CA10" s="995"/>
      <c r="CB10" s="995"/>
      <c r="CC10" s="995"/>
      <c r="CD10" s="995"/>
      <c r="CE10" s="995"/>
      <c r="CF10" s="995"/>
      <c r="CG10" s="1016"/>
      <c r="CH10" s="991"/>
      <c r="CI10" s="992"/>
      <c r="CJ10" s="992"/>
      <c r="CK10" s="992"/>
      <c r="CL10" s="993"/>
      <c r="CM10" s="991"/>
      <c r="CN10" s="992"/>
      <c r="CO10" s="992"/>
      <c r="CP10" s="992"/>
      <c r="CQ10" s="993"/>
      <c r="CR10" s="991"/>
      <c r="CS10" s="992"/>
      <c r="CT10" s="992"/>
      <c r="CU10" s="992"/>
      <c r="CV10" s="993"/>
      <c r="CW10" s="991"/>
      <c r="CX10" s="992"/>
      <c r="CY10" s="992"/>
      <c r="CZ10" s="992"/>
      <c r="DA10" s="993"/>
      <c r="DB10" s="991"/>
      <c r="DC10" s="992"/>
      <c r="DD10" s="992"/>
      <c r="DE10" s="992"/>
      <c r="DF10" s="993"/>
      <c r="DG10" s="991"/>
      <c r="DH10" s="992"/>
      <c r="DI10" s="992"/>
      <c r="DJ10" s="992"/>
      <c r="DK10" s="993"/>
      <c r="DL10" s="991"/>
      <c r="DM10" s="992"/>
      <c r="DN10" s="992"/>
      <c r="DO10" s="992"/>
      <c r="DP10" s="993"/>
      <c r="DQ10" s="991"/>
      <c r="DR10" s="992"/>
      <c r="DS10" s="992"/>
      <c r="DT10" s="992"/>
      <c r="DU10" s="993"/>
      <c r="DV10" s="994"/>
      <c r="DW10" s="995"/>
      <c r="DX10" s="995"/>
      <c r="DY10" s="995"/>
      <c r="DZ10" s="996"/>
      <c r="EA10" s="234"/>
    </row>
    <row r="11" spans="1:131" s="235" customFormat="1" ht="26.25" customHeight="1" x14ac:dyDescent="0.2">
      <c r="A11" s="238">
        <v>5</v>
      </c>
      <c r="B11" s="1032"/>
      <c r="C11" s="1033"/>
      <c r="D11" s="1033"/>
      <c r="E11" s="1033"/>
      <c r="F11" s="1033"/>
      <c r="G11" s="1033"/>
      <c r="H11" s="1033"/>
      <c r="I11" s="1033"/>
      <c r="J11" s="1033"/>
      <c r="K11" s="1033"/>
      <c r="L11" s="1033"/>
      <c r="M11" s="1033"/>
      <c r="N11" s="1033"/>
      <c r="O11" s="1033"/>
      <c r="P11" s="1034"/>
      <c r="Q11" s="1040"/>
      <c r="R11" s="1041"/>
      <c r="S11" s="1041"/>
      <c r="T11" s="1041"/>
      <c r="U11" s="1041"/>
      <c r="V11" s="1041"/>
      <c r="W11" s="1041"/>
      <c r="X11" s="1041"/>
      <c r="Y11" s="1041"/>
      <c r="Z11" s="1041"/>
      <c r="AA11" s="1041"/>
      <c r="AB11" s="1041"/>
      <c r="AC11" s="1041"/>
      <c r="AD11" s="1041"/>
      <c r="AE11" s="1042"/>
      <c r="AF11" s="1037"/>
      <c r="AG11" s="1038"/>
      <c r="AH11" s="1038"/>
      <c r="AI11" s="1038"/>
      <c r="AJ11" s="1039"/>
      <c r="AK11" s="1082"/>
      <c r="AL11" s="1083"/>
      <c r="AM11" s="1083"/>
      <c r="AN11" s="1083"/>
      <c r="AO11" s="1083"/>
      <c r="AP11" s="1083"/>
      <c r="AQ11" s="1083"/>
      <c r="AR11" s="1083"/>
      <c r="AS11" s="1083"/>
      <c r="AT11" s="1083"/>
      <c r="AU11" s="1084"/>
      <c r="AV11" s="1084"/>
      <c r="AW11" s="1084"/>
      <c r="AX11" s="1084"/>
      <c r="AY11" s="1085"/>
      <c r="AZ11" s="232"/>
      <c r="BA11" s="232"/>
      <c r="BB11" s="232"/>
      <c r="BC11" s="232"/>
      <c r="BD11" s="232"/>
      <c r="BE11" s="233"/>
      <c r="BF11" s="233"/>
      <c r="BG11" s="233"/>
      <c r="BH11" s="233"/>
      <c r="BI11" s="233"/>
      <c r="BJ11" s="233"/>
      <c r="BK11" s="233"/>
      <c r="BL11" s="233"/>
      <c r="BM11" s="233"/>
      <c r="BN11" s="233"/>
      <c r="BO11" s="233"/>
      <c r="BP11" s="233"/>
      <c r="BQ11" s="238">
        <v>5</v>
      </c>
      <c r="BR11" s="239"/>
      <c r="BS11" s="994"/>
      <c r="BT11" s="995"/>
      <c r="BU11" s="995"/>
      <c r="BV11" s="995"/>
      <c r="BW11" s="995"/>
      <c r="BX11" s="995"/>
      <c r="BY11" s="995"/>
      <c r="BZ11" s="995"/>
      <c r="CA11" s="995"/>
      <c r="CB11" s="995"/>
      <c r="CC11" s="995"/>
      <c r="CD11" s="995"/>
      <c r="CE11" s="995"/>
      <c r="CF11" s="995"/>
      <c r="CG11" s="1016"/>
      <c r="CH11" s="991"/>
      <c r="CI11" s="992"/>
      <c r="CJ11" s="992"/>
      <c r="CK11" s="992"/>
      <c r="CL11" s="993"/>
      <c r="CM11" s="991"/>
      <c r="CN11" s="992"/>
      <c r="CO11" s="992"/>
      <c r="CP11" s="992"/>
      <c r="CQ11" s="993"/>
      <c r="CR11" s="991"/>
      <c r="CS11" s="992"/>
      <c r="CT11" s="992"/>
      <c r="CU11" s="992"/>
      <c r="CV11" s="993"/>
      <c r="CW11" s="991"/>
      <c r="CX11" s="992"/>
      <c r="CY11" s="992"/>
      <c r="CZ11" s="992"/>
      <c r="DA11" s="993"/>
      <c r="DB11" s="991"/>
      <c r="DC11" s="992"/>
      <c r="DD11" s="992"/>
      <c r="DE11" s="992"/>
      <c r="DF11" s="993"/>
      <c r="DG11" s="991"/>
      <c r="DH11" s="992"/>
      <c r="DI11" s="992"/>
      <c r="DJ11" s="992"/>
      <c r="DK11" s="993"/>
      <c r="DL11" s="991"/>
      <c r="DM11" s="992"/>
      <c r="DN11" s="992"/>
      <c r="DO11" s="992"/>
      <c r="DP11" s="993"/>
      <c r="DQ11" s="991"/>
      <c r="DR11" s="992"/>
      <c r="DS11" s="992"/>
      <c r="DT11" s="992"/>
      <c r="DU11" s="993"/>
      <c r="DV11" s="994"/>
      <c r="DW11" s="995"/>
      <c r="DX11" s="995"/>
      <c r="DY11" s="995"/>
      <c r="DZ11" s="996"/>
      <c r="EA11" s="234"/>
    </row>
    <row r="12" spans="1:131" s="235" customFormat="1" ht="26.25" customHeight="1" x14ac:dyDescent="0.2">
      <c r="A12" s="238">
        <v>6</v>
      </c>
      <c r="B12" s="1032"/>
      <c r="C12" s="1033"/>
      <c r="D12" s="1033"/>
      <c r="E12" s="1033"/>
      <c r="F12" s="1033"/>
      <c r="G12" s="1033"/>
      <c r="H12" s="1033"/>
      <c r="I12" s="1033"/>
      <c r="J12" s="1033"/>
      <c r="K12" s="1033"/>
      <c r="L12" s="1033"/>
      <c r="M12" s="1033"/>
      <c r="N12" s="1033"/>
      <c r="O12" s="1033"/>
      <c r="P12" s="1034"/>
      <c r="Q12" s="1040"/>
      <c r="R12" s="1041"/>
      <c r="S12" s="1041"/>
      <c r="T12" s="1041"/>
      <c r="U12" s="1041"/>
      <c r="V12" s="1041"/>
      <c r="W12" s="1041"/>
      <c r="X12" s="1041"/>
      <c r="Y12" s="1041"/>
      <c r="Z12" s="1041"/>
      <c r="AA12" s="1041"/>
      <c r="AB12" s="1041"/>
      <c r="AC12" s="1041"/>
      <c r="AD12" s="1041"/>
      <c r="AE12" s="1042"/>
      <c r="AF12" s="1037"/>
      <c r="AG12" s="1038"/>
      <c r="AH12" s="1038"/>
      <c r="AI12" s="1038"/>
      <c r="AJ12" s="1039"/>
      <c r="AK12" s="1082"/>
      <c r="AL12" s="1083"/>
      <c r="AM12" s="1083"/>
      <c r="AN12" s="1083"/>
      <c r="AO12" s="1083"/>
      <c r="AP12" s="1083"/>
      <c r="AQ12" s="1083"/>
      <c r="AR12" s="1083"/>
      <c r="AS12" s="1083"/>
      <c r="AT12" s="1083"/>
      <c r="AU12" s="1084"/>
      <c r="AV12" s="1084"/>
      <c r="AW12" s="1084"/>
      <c r="AX12" s="1084"/>
      <c r="AY12" s="1085"/>
      <c r="AZ12" s="232"/>
      <c r="BA12" s="232"/>
      <c r="BB12" s="232"/>
      <c r="BC12" s="232"/>
      <c r="BD12" s="232"/>
      <c r="BE12" s="233"/>
      <c r="BF12" s="233"/>
      <c r="BG12" s="233"/>
      <c r="BH12" s="233"/>
      <c r="BI12" s="233"/>
      <c r="BJ12" s="233"/>
      <c r="BK12" s="233"/>
      <c r="BL12" s="233"/>
      <c r="BM12" s="233"/>
      <c r="BN12" s="233"/>
      <c r="BO12" s="233"/>
      <c r="BP12" s="233"/>
      <c r="BQ12" s="238">
        <v>6</v>
      </c>
      <c r="BR12" s="239"/>
      <c r="BS12" s="994"/>
      <c r="BT12" s="995"/>
      <c r="BU12" s="995"/>
      <c r="BV12" s="995"/>
      <c r="BW12" s="995"/>
      <c r="BX12" s="995"/>
      <c r="BY12" s="995"/>
      <c r="BZ12" s="995"/>
      <c r="CA12" s="995"/>
      <c r="CB12" s="995"/>
      <c r="CC12" s="995"/>
      <c r="CD12" s="995"/>
      <c r="CE12" s="995"/>
      <c r="CF12" s="995"/>
      <c r="CG12" s="1016"/>
      <c r="CH12" s="991"/>
      <c r="CI12" s="992"/>
      <c r="CJ12" s="992"/>
      <c r="CK12" s="992"/>
      <c r="CL12" s="993"/>
      <c r="CM12" s="991"/>
      <c r="CN12" s="992"/>
      <c r="CO12" s="992"/>
      <c r="CP12" s="992"/>
      <c r="CQ12" s="993"/>
      <c r="CR12" s="991"/>
      <c r="CS12" s="992"/>
      <c r="CT12" s="992"/>
      <c r="CU12" s="992"/>
      <c r="CV12" s="993"/>
      <c r="CW12" s="991"/>
      <c r="CX12" s="992"/>
      <c r="CY12" s="992"/>
      <c r="CZ12" s="992"/>
      <c r="DA12" s="993"/>
      <c r="DB12" s="991"/>
      <c r="DC12" s="992"/>
      <c r="DD12" s="992"/>
      <c r="DE12" s="992"/>
      <c r="DF12" s="993"/>
      <c r="DG12" s="991"/>
      <c r="DH12" s="992"/>
      <c r="DI12" s="992"/>
      <c r="DJ12" s="992"/>
      <c r="DK12" s="993"/>
      <c r="DL12" s="991"/>
      <c r="DM12" s="992"/>
      <c r="DN12" s="992"/>
      <c r="DO12" s="992"/>
      <c r="DP12" s="993"/>
      <c r="DQ12" s="991"/>
      <c r="DR12" s="992"/>
      <c r="DS12" s="992"/>
      <c r="DT12" s="992"/>
      <c r="DU12" s="993"/>
      <c r="DV12" s="994"/>
      <c r="DW12" s="995"/>
      <c r="DX12" s="995"/>
      <c r="DY12" s="995"/>
      <c r="DZ12" s="996"/>
      <c r="EA12" s="234"/>
    </row>
    <row r="13" spans="1:131" s="235" customFormat="1" ht="26.25" customHeight="1" x14ac:dyDescent="0.2">
      <c r="A13" s="238">
        <v>7</v>
      </c>
      <c r="B13" s="1032"/>
      <c r="C13" s="1033"/>
      <c r="D13" s="1033"/>
      <c r="E13" s="1033"/>
      <c r="F13" s="1033"/>
      <c r="G13" s="1033"/>
      <c r="H13" s="1033"/>
      <c r="I13" s="1033"/>
      <c r="J13" s="1033"/>
      <c r="K13" s="1033"/>
      <c r="L13" s="1033"/>
      <c r="M13" s="1033"/>
      <c r="N13" s="1033"/>
      <c r="O13" s="1033"/>
      <c r="P13" s="1034"/>
      <c r="Q13" s="1040"/>
      <c r="R13" s="1041"/>
      <c r="S13" s="1041"/>
      <c r="T13" s="1041"/>
      <c r="U13" s="1041"/>
      <c r="V13" s="1041"/>
      <c r="W13" s="1041"/>
      <c r="X13" s="1041"/>
      <c r="Y13" s="1041"/>
      <c r="Z13" s="1041"/>
      <c r="AA13" s="1041"/>
      <c r="AB13" s="1041"/>
      <c r="AC13" s="1041"/>
      <c r="AD13" s="1041"/>
      <c r="AE13" s="1042"/>
      <c r="AF13" s="1037"/>
      <c r="AG13" s="1038"/>
      <c r="AH13" s="1038"/>
      <c r="AI13" s="1038"/>
      <c r="AJ13" s="1039"/>
      <c r="AK13" s="1082"/>
      <c r="AL13" s="1083"/>
      <c r="AM13" s="1083"/>
      <c r="AN13" s="1083"/>
      <c r="AO13" s="1083"/>
      <c r="AP13" s="1083"/>
      <c r="AQ13" s="1083"/>
      <c r="AR13" s="1083"/>
      <c r="AS13" s="1083"/>
      <c r="AT13" s="1083"/>
      <c r="AU13" s="1084"/>
      <c r="AV13" s="1084"/>
      <c r="AW13" s="1084"/>
      <c r="AX13" s="1084"/>
      <c r="AY13" s="1085"/>
      <c r="AZ13" s="232"/>
      <c r="BA13" s="232"/>
      <c r="BB13" s="232"/>
      <c r="BC13" s="232"/>
      <c r="BD13" s="232"/>
      <c r="BE13" s="233"/>
      <c r="BF13" s="233"/>
      <c r="BG13" s="233"/>
      <c r="BH13" s="233"/>
      <c r="BI13" s="233"/>
      <c r="BJ13" s="233"/>
      <c r="BK13" s="233"/>
      <c r="BL13" s="233"/>
      <c r="BM13" s="233"/>
      <c r="BN13" s="233"/>
      <c r="BO13" s="233"/>
      <c r="BP13" s="233"/>
      <c r="BQ13" s="238">
        <v>7</v>
      </c>
      <c r="BR13" s="239"/>
      <c r="BS13" s="994"/>
      <c r="BT13" s="995"/>
      <c r="BU13" s="995"/>
      <c r="BV13" s="995"/>
      <c r="BW13" s="995"/>
      <c r="BX13" s="995"/>
      <c r="BY13" s="995"/>
      <c r="BZ13" s="995"/>
      <c r="CA13" s="995"/>
      <c r="CB13" s="995"/>
      <c r="CC13" s="995"/>
      <c r="CD13" s="995"/>
      <c r="CE13" s="995"/>
      <c r="CF13" s="995"/>
      <c r="CG13" s="1016"/>
      <c r="CH13" s="991"/>
      <c r="CI13" s="992"/>
      <c r="CJ13" s="992"/>
      <c r="CK13" s="992"/>
      <c r="CL13" s="993"/>
      <c r="CM13" s="991"/>
      <c r="CN13" s="992"/>
      <c r="CO13" s="992"/>
      <c r="CP13" s="992"/>
      <c r="CQ13" s="993"/>
      <c r="CR13" s="991"/>
      <c r="CS13" s="992"/>
      <c r="CT13" s="992"/>
      <c r="CU13" s="992"/>
      <c r="CV13" s="993"/>
      <c r="CW13" s="991"/>
      <c r="CX13" s="992"/>
      <c r="CY13" s="992"/>
      <c r="CZ13" s="992"/>
      <c r="DA13" s="993"/>
      <c r="DB13" s="991"/>
      <c r="DC13" s="992"/>
      <c r="DD13" s="992"/>
      <c r="DE13" s="992"/>
      <c r="DF13" s="993"/>
      <c r="DG13" s="991"/>
      <c r="DH13" s="992"/>
      <c r="DI13" s="992"/>
      <c r="DJ13" s="992"/>
      <c r="DK13" s="993"/>
      <c r="DL13" s="991"/>
      <c r="DM13" s="992"/>
      <c r="DN13" s="992"/>
      <c r="DO13" s="992"/>
      <c r="DP13" s="993"/>
      <c r="DQ13" s="991"/>
      <c r="DR13" s="992"/>
      <c r="DS13" s="992"/>
      <c r="DT13" s="992"/>
      <c r="DU13" s="993"/>
      <c r="DV13" s="994"/>
      <c r="DW13" s="995"/>
      <c r="DX13" s="995"/>
      <c r="DY13" s="995"/>
      <c r="DZ13" s="996"/>
      <c r="EA13" s="234"/>
    </row>
    <row r="14" spans="1:131" s="235" customFormat="1" ht="26.25" customHeight="1" x14ac:dyDescent="0.2">
      <c r="A14" s="238">
        <v>8</v>
      </c>
      <c r="B14" s="1032"/>
      <c r="C14" s="1033"/>
      <c r="D14" s="1033"/>
      <c r="E14" s="1033"/>
      <c r="F14" s="1033"/>
      <c r="G14" s="1033"/>
      <c r="H14" s="1033"/>
      <c r="I14" s="1033"/>
      <c r="J14" s="1033"/>
      <c r="K14" s="1033"/>
      <c r="L14" s="1033"/>
      <c r="M14" s="1033"/>
      <c r="N14" s="1033"/>
      <c r="O14" s="1033"/>
      <c r="P14" s="1034"/>
      <c r="Q14" s="1040"/>
      <c r="R14" s="1041"/>
      <c r="S14" s="1041"/>
      <c r="T14" s="1041"/>
      <c r="U14" s="1041"/>
      <c r="V14" s="1041"/>
      <c r="W14" s="1041"/>
      <c r="X14" s="1041"/>
      <c r="Y14" s="1041"/>
      <c r="Z14" s="1041"/>
      <c r="AA14" s="1041"/>
      <c r="AB14" s="1041"/>
      <c r="AC14" s="1041"/>
      <c r="AD14" s="1041"/>
      <c r="AE14" s="1042"/>
      <c r="AF14" s="1037"/>
      <c r="AG14" s="1038"/>
      <c r="AH14" s="1038"/>
      <c r="AI14" s="1038"/>
      <c r="AJ14" s="1039"/>
      <c r="AK14" s="1082"/>
      <c r="AL14" s="1083"/>
      <c r="AM14" s="1083"/>
      <c r="AN14" s="1083"/>
      <c r="AO14" s="1083"/>
      <c r="AP14" s="1083"/>
      <c r="AQ14" s="1083"/>
      <c r="AR14" s="1083"/>
      <c r="AS14" s="1083"/>
      <c r="AT14" s="1083"/>
      <c r="AU14" s="1084"/>
      <c r="AV14" s="1084"/>
      <c r="AW14" s="1084"/>
      <c r="AX14" s="1084"/>
      <c r="AY14" s="1085"/>
      <c r="AZ14" s="232"/>
      <c r="BA14" s="232"/>
      <c r="BB14" s="232"/>
      <c r="BC14" s="232"/>
      <c r="BD14" s="232"/>
      <c r="BE14" s="233"/>
      <c r="BF14" s="233"/>
      <c r="BG14" s="233"/>
      <c r="BH14" s="233"/>
      <c r="BI14" s="233"/>
      <c r="BJ14" s="233"/>
      <c r="BK14" s="233"/>
      <c r="BL14" s="233"/>
      <c r="BM14" s="233"/>
      <c r="BN14" s="233"/>
      <c r="BO14" s="233"/>
      <c r="BP14" s="233"/>
      <c r="BQ14" s="238">
        <v>8</v>
      </c>
      <c r="BR14" s="239"/>
      <c r="BS14" s="994"/>
      <c r="BT14" s="995"/>
      <c r="BU14" s="995"/>
      <c r="BV14" s="995"/>
      <c r="BW14" s="995"/>
      <c r="BX14" s="995"/>
      <c r="BY14" s="995"/>
      <c r="BZ14" s="995"/>
      <c r="CA14" s="995"/>
      <c r="CB14" s="995"/>
      <c r="CC14" s="995"/>
      <c r="CD14" s="995"/>
      <c r="CE14" s="995"/>
      <c r="CF14" s="995"/>
      <c r="CG14" s="1016"/>
      <c r="CH14" s="991"/>
      <c r="CI14" s="992"/>
      <c r="CJ14" s="992"/>
      <c r="CK14" s="992"/>
      <c r="CL14" s="993"/>
      <c r="CM14" s="991"/>
      <c r="CN14" s="992"/>
      <c r="CO14" s="992"/>
      <c r="CP14" s="992"/>
      <c r="CQ14" s="993"/>
      <c r="CR14" s="991"/>
      <c r="CS14" s="992"/>
      <c r="CT14" s="992"/>
      <c r="CU14" s="992"/>
      <c r="CV14" s="993"/>
      <c r="CW14" s="991"/>
      <c r="CX14" s="992"/>
      <c r="CY14" s="992"/>
      <c r="CZ14" s="992"/>
      <c r="DA14" s="993"/>
      <c r="DB14" s="991"/>
      <c r="DC14" s="992"/>
      <c r="DD14" s="992"/>
      <c r="DE14" s="992"/>
      <c r="DF14" s="993"/>
      <c r="DG14" s="991"/>
      <c r="DH14" s="992"/>
      <c r="DI14" s="992"/>
      <c r="DJ14" s="992"/>
      <c r="DK14" s="993"/>
      <c r="DL14" s="991"/>
      <c r="DM14" s="992"/>
      <c r="DN14" s="992"/>
      <c r="DO14" s="992"/>
      <c r="DP14" s="993"/>
      <c r="DQ14" s="991"/>
      <c r="DR14" s="992"/>
      <c r="DS14" s="992"/>
      <c r="DT14" s="992"/>
      <c r="DU14" s="993"/>
      <c r="DV14" s="994"/>
      <c r="DW14" s="995"/>
      <c r="DX14" s="995"/>
      <c r="DY14" s="995"/>
      <c r="DZ14" s="996"/>
      <c r="EA14" s="234"/>
    </row>
    <row r="15" spans="1:131" s="235" customFormat="1" ht="26.25" customHeight="1" x14ac:dyDescent="0.2">
      <c r="A15" s="238">
        <v>9</v>
      </c>
      <c r="B15" s="1032"/>
      <c r="C15" s="1033"/>
      <c r="D15" s="1033"/>
      <c r="E15" s="1033"/>
      <c r="F15" s="1033"/>
      <c r="G15" s="1033"/>
      <c r="H15" s="1033"/>
      <c r="I15" s="1033"/>
      <c r="J15" s="1033"/>
      <c r="K15" s="1033"/>
      <c r="L15" s="1033"/>
      <c r="M15" s="1033"/>
      <c r="N15" s="1033"/>
      <c r="O15" s="1033"/>
      <c r="P15" s="1034"/>
      <c r="Q15" s="1040"/>
      <c r="R15" s="1041"/>
      <c r="S15" s="1041"/>
      <c r="T15" s="1041"/>
      <c r="U15" s="1041"/>
      <c r="V15" s="1041"/>
      <c r="W15" s="1041"/>
      <c r="X15" s="1041"/>
      <c r="Y15" s="1041"/>
      <c r="Z15" s="1041"/>
      <c r="AA15" s="1041"/>
      <c r="AB15" s="1041"/>
      <c r="AC15" s="1041"/>
      <c r="AD15" s="1041"/>
      <c r="AE15" s="1042"/>
      <c r="AF15" s="1037"/>
      <c r="AG15" s="1038"/>
      <c r="AH15" s="1038"/>
      <c r="AI15" s="1038"/>
      <c r="AJ15" s="1039"/>
      <c r="AK15" s="1082"/>
      <c r="AL15" s="1083"/>
      <c r="AM15" s="1083"/>
      <c r="AN15" s="1083"/>
      <c r="AO15" s="1083"/>
      <c r="AP15" s="1083"/>
      <c r="AQ15" s="1083"/>
      <c r="AR15" s="1083"/>
      <c r="AS15" s="1083"/>
      <c r="AT15" s="1083"/>
      <c r="AU15" s="1084"/>
      <c r="AV15" s="1084"/>
      <c r="AW15" s="1084"/>
      <c r="AX15" s="1084"/>
      <c r="AY15" s="1085"/>
      <c r="AZ15" s="232"/>
      <c r="BA15" s="232"/>
      <c r="BB15" s="232"/>
      <c r="BC15" s="232"/>
      <c r="BD15" s="232"/>
      <c r="BE15" s="233"/>
      <c r="BF15" s="233"/>
      <c r="BG15" s="233"/>
      <c r="BH15" s="233"/>
      <c r="BI15" s="233"/>
      <c r="BJ15" s="233"/>
      <c r="BK15" s="233"/>
      <c r="BL15" s="233"/>
      <c r="BM15" s="233"/>
      <c r="BN15" s="233"/>
      <c r="BO15" s="233"/>
      <c r="BP15" s="233"/>
      <c r="BQ15" s="238">
        <v>9</v>
      </c>
      <c r="BR15" s="239"/>
      <c r="BS15" s="994"/>
      <c r="BT15" s="995"/>
      <c r="BU15" s="995"/>
      <c r="BV15" s="995"/>
      <c r="BW15" s="995"/>
      <c r="BX15" s="995"/>
      <c r="BY15" s="995"/>
      <c r="BZ15" s="995"/>
      <c r="CA15" s="995"/>
      <c r="CB15" s="995"/>
      <c r="CC15" s="995"/>
      <c r="CD15" s="995"/>
      <c r="CE15" s="995"/>
      <c r="CF15" s="995"/>
      <c r="CG15" s="1016"/>
      <c r="CH15" s="991"/>
      <c r="CI15" s="992"/>
      <c r="CJ15" s="992"/>
      <c r="CK15" s="992"/>
      <c r="CL15" s="993"/>
      <c r="CM15" s="991"/>
      <c r="CN15" s="992"/>
      <c r="CO15" s="992"/>
      <c r="CP15" s="992"/>
      <c r="CQ15" s="993"/>
      <c r="CR15" s="991"/>
      <c r="CS15" s="992"/>
      <c r="CT15" s="992"/>
      <c r="CU15" s="992"/>
      <c r="CV15" s="993"/>
      <c r="CW15" s="991"/>
      <c r="CX15" s="992"/>
      <c r="CY15" s="992"/>
      <c r="CZ15" s="992"/>
      <c r="DA15" s="993"/>
      <c r="DB15" s="991"/>
      <c r="DC15" s="992"/>
      <c r="DD15" s="992"/>
      <c r="DE15" s="992"/>
      <c r="DF15" s="993"/>
      <c r="DG15" s="991"/>
      <c r="DH15" s="992"/>
      <c r="DI15" s="992"/>
      <c r="DJ15" s="992"/>
      <c r="DK15" s="993"/>
      <c r="DL15" s="991"/>
      <c r="DM15" s="992"/>
      <c r="DN15" s="992"/>
      <c r="DO15" s="992"/>
      <c r="DP15" s="993"/>
      <c r="DQ15" s="991"/>
      <c r="DR15" s="992"/>
      <c r="DS15" s="992"/>
      <c r="DT15" s="992"/>
      <c r="DU15" s="993"/>
      <c r="DV15" s="994"/>
      <c r="DW15" s="995"/>
      <c r="DX15" s="995"/>
      <c r="DY15" s="995"/>
      <c r="DZ15" s="996"/>
      <c r="EA15" s="234"/>
    </row>
    <row r="16" spans="1:131" s="235" customFormat="1" ht="26.25" customHeight="1" x14ac:dyDescent="0.2">
      <c r="A16" s="238">
        <v>10</v>
      </c>
      <c r="B16" s="1032"/>
      <c r="C16" s="1033"/>
      <c r="D16" s="1033"/>
      <c r="E16" s="1033"/>
      <c r="F16" s="1033"/>
      <c r="G16" s="1033"/>
      <c r="H16" s="1033"/>
      <c r="I16" s="1033"/>
      <c r="J16" s="1033"/>
      <c r="K16" s="1033"/>
      <c r="L16" s="1033"/>
      <c r="M16" s="1033"/>
      <c r="N16" s="1033"/>
      <c r="O16" s="1033"/>
      <c r="P16" s="1034"/>
      <c r="Q16" s="1040"/>
      <c r="R16" s="1041"/>
      <c r="S16" s="1041"/>
      <c r="T16" s="1041"/>
      <c r="U16" s="1041"/>
      <c r="V16" s="1041"/>
      <c r="W16" s="1041"/>
      <c r="X16" s="1041"/>
      <c r="Y16" s="1041"/>
      <c r="Z16" s="1041"/>
      <c r="AA16" s="1041"/>
      <c r="AB16" s="1041"/>
      <c r="AC16" s="1041"/>
      <c r="AD16" s="1041"/>
      <c r="AE16" s="1042"/>
      <c r="AF16" s="1037"/>
      <c r="AG16" s="1038"/>
      <c r="AH16" s="1038"/>
      <c r="AI16" s="1038"/>
      <c r="AJ16" s="1039"/>
      <c r="AK16" s="1082"/>
      <c r="AL16" s="1083"/>
      <c r="AM16" s="1083"/>
      <c r="AN16" s="1083"/>
      <c r="AO16" s="1083"/>
      <c r="AP16" s="1083"/>
      <c r="AQ16" s="1083"/>
      <c r="AR16" s="1083"/>
      <c r="AS16" s="1083"/>
      <c r="AT16" s="1083"/>
      <c r="AU16" s="1084"/>
      <c r="AV16" s="1084"/>
      <c r="AW16" s="1084"/>
      <c r="AX16" s="1084"/>
      <c r="AY16" s="1085"/>
      <c r="AZ16" s="232"/>
      <c r="BA16" s="232"/>
      <c r="BB16" s="232"/>
      <c r="BC16" s="232"/>
      <c r="BD16" s="232"/>
      <c r="BE16" s="233"/>
      <c r="BF16" s="233"/>
      <c r="BG16" s="233"/>
      <c r="BH16" s="233"/>
      <c r="BI16" s="233"/>
      <c r="BJ16" s="233"/>
      <c r="BK16" s="233"/>
      <c r="BL16" s="233"/>
      <c r="BM16" s="233"/>
      <c r="BN16" s="233"/>
      <c r="BO16" s="233"/>
      <c r="BP16" s="233"/>
      <c r="BQ16" s="238">
        <v>10</v>
      </c>
      <c r="BR16" s="239"/>
      <c r="BS16" s="994"/>
      <c r="BT16" s="995"/>
      <c r="BU16" s="995"/>
      <c r="BV16" s="995"/>
      <c r="BW16" s="995"/>
      <c r="BX16" s="995"/>
      <c r="BY16" s="995"/>
      <c r="BZ16" s="995"/>
      <c r="CA16" s="995"/>
      <c r="CB16" s="995"/>
      <c r="CC16" s="995"/>
      <c r="CD16" s="995"/>
      <c r="CE16" s="995"/>
      <c r="CF16" s="995"/>
      <c r="CG16" s="1016"/>
      <c r="CH16" s="991"/>
      <c r="CI16" s="992"/>
      <c r="CJ16" s="992"/>
      <c r="CK16" s="992"/>
      <c r="CL16" s="993"/>
      <c r="CM16" s="991"/>
      <c r="CN16" s="992"/>
      <c r="CO16" s="992"/>
      <c r="CP16" s="992"/>
      <c r="CQ16" s="993"/>
      <c r="CR16" s="991"/>
      <c r="CS16" s="992"/>
      <c r="CT16" s="992"/>
      <c r="CU16" s="992"/>
      <c r="CV16" s="993"/>
      <c r="CW16" s="991"/>
      <c r="CX16" s="992"/>
      <c r="CY16" s="992"/>
      <c r="CZ16" s="992"/>
      <c r="DA16" s="993"/>
      <c r="DB16" s="991"/>
      <c r="DC16" s="992"/>
      <c r="DD16" s="992"/>
      <c r="DE16" s="992"/>
      <c r="DF16" s="993"/>
      <c r="DG16" s="991"/>
      <c r="DH16" s="992"/>
      <c r="DI16" s="992"/>
      <c r="DJ16" s="992"/>
      <c r="DK16" s="993"/>
      <c r="DL16" s="991"/>
      <c r="DM16" s="992"/>
      <c r="DN16" s="992"/>
      <c r="DO16" s="992"/>
      <c r="DP16" s="993"/>
      <c r="DQ16" s="991"/>
      <c r="DR16" s="992"/>
      <c r="DS16" s="992"/>
      <c r="DT16" s="992"/>
      <c r="DU16" s="993"/>
      <c r="DV16" s="994"/>
      <c r="DW16" s="995"/>
      <c r="DX16" s="995"/>
      <c r="DY16" s="995"/>
      <c r="DZ16" s="996"/>
      <c r="EA16" s="234"/>
    </row>
    <row r="17" spans="1:131" s="235" customFormat="1" ht="26.25" customHeight="1" x14ac:dyDescent="0.2">
      <c r="A17" s="238">
        <v>11</v>
      </c>
      <c r="B17" s="1032"/>
      <c r="C17" s="1033"/>
      <c r="D17" s="1033"/>
      <c r="E17" s="1033"/>
      <c r="F17" s="1033"/>
      <c r="G17" s="1033"/>
      <c r="H17" s="1033"/>
      <c r="I17" s="1033"/>
      <c r="J17" s="1033"/>
      <c r="K17" s="1033"/>
      <c r="L17" s="1033"/>
      <c r="M17" s="1033"/>
      <c r="N17" s="1033"/>
      <c r="O17" s="1033"/>
      <c r="P17" s="1034"/>
      <c r="Q17" s="1040"/>
      <c r="R17" s="1041"/>
      <c r="S17" s="1041"/>
      <c r="T17" s="1041"/>
      <c r="U17" s="1041"/>
      <c r="V17" s="1041"/>
      <c r="W17" s="1041"/>
      <c r="X17" s="1041"/>
      <c r="Y17" s="1041"/>
      <c r="Z17" s="1041"/>
      <c r="AA17" s="1041"/>
      <c r="AB17" s="1041"/>
      <c r="AC17" s="1041"/>
      <c r="AD17" s="1041"/>
      <c r="AE17" s="1042"/>
      <c r="AF17" s="1037"/>
      <c r="AG17" s="1038"/>
      <c r="AH17" s="1038"/>
      <c r="AI17" s="1038"/>
      <c r="AJ17" s="1039"/>
      <c r="AK17" s="1082"/>
      <c r="AL17" s="1083"/>
      <c r="AM17" s="1083"/>
      <c r="AN17" s="1083"/>
      <c r="AO17" s="1083"/>
      <c r="AP17" s="1083"/>
      <c r="AQ17" s="1083"/>
      <c r="AR17" s="1083"/>
      <c r="AS17" s="1083"/>
      <c r="AT17" s="1083"/>
      <c r="AU17" s="1084"/>
      <c r="AV17" s="1084"/>
      <c r="AW17" s="1084"/>
      <c r="AX17" s="1084"/>
      <c r="AY17" s="1085"/>
      <c r="AZ17" s="232"/>
      <c r="BA17" s="232"/>
      <c r="BB17" s="232"/>
      <c r="BC17" s="232"/>
      <c r="BD17" s="232"/>
      <c r="BE17" s="233"/>
      <c r="BF17" s="233"/>
      <c r="BG17" s="233"/>
      <c r="BH17" s="233"/>
      <c r="BI17" s="233"/>
      <c r="BJ17" s="233"/>
      <c r="BK17" s="233"/>
      <c r="BL17" s="233"/>
      <c r="BM17" s="233"/>
      <c r="BN17" s="233"/>
      <c r="BO17" s="233"/>
      <c r="BP17" s="233"/>
      <c r="BQ17" s="238">
        <v>11</v>
      </c>
      <c r="BR17" s="239"/>
      <c r="BS17" s="994"/>
      <c r="BT17" s="995"/>
      <c r="BU17" s="995"/>
      <c r="BV17" s="995"/>
      <c r="BW17" s="995"/>
      <c r="BX17" s="995"/>
      <c r="BY17" s="995"/>
      <c r="BZ17" s="995"/>
      <c r="CA17" s="995"/>
      <c r="CB17" s="995"/>
      <c r="CC17" s="995"/>
      <c r="CD17" s="995"/>
      <c r="CE17" s="995"/>
      <c r="CF17" s="995"/>
      <c r="CG17" s="1016"/>
      <c r="CH17" s="991"/>
      <c r="CI17" s="992"/>
      <c r="CJ17" s="992"/>
      <c r="CK17" s="992"/>
      <c r="CL17" s="993"/>
      <c r="CM17" s="991"/>
      <c r="CN17" s="992"/>
      <c r="CO17" s="992"/>
      <c r="CP17" s="992"/>
      <c r="CQ17" s="993"/>
      <c r="CR17" s="991"/>
      <c r="CS17" s="992"/>
      <c r="CT17" s="992"/>
      <c r="CU17" s="992"/>
      <c r="CV17" s="993"/>
      <c r="CW17" s="991"/>
      <c r="CX17" s="992"/>
      <c r="CY17" s="992"/>
      <c r="CZ17" s="992"/>
      <c r="DA17" s="993"/>
      <c r="DB17" s="991"/>
      <c r="DC17" s="992"/>
      <c r="DD17" s="992"/>
      <c r="DE17" s="992"/>
      <c r="DF17" s="993"/>
      <c r="DG17" s="991"/>
      <c r="DH17" s="992"/>
      <c r="DI17" s="992"/>
      <c r="DJ17" s="992"/>
      <c r="DK17" s="993"/>
      <c r="DL17" s="991"/>
      <c r="DM17" s="992"/>
      <c r="DN17" s="992"/>
      <c r="DO17" s="992"/>
      <c r="DP17" s="993"/>
      <c r="DQ17" s="991"/>
      <c r="DR17" s="992"/>
      <c r="DS17" s="992"/>
      <c r="DT17" s="992"/>
      <c r="DU17" s="993"/>
      <c r="DV17" s="994"/>
      <c r="DW17" s="995"/>
      <c r="DX17" s="995"/>
      <c r="DY17" s="995"/>
      <c r="DZ17" s="996"/>
      <c r="EA17" s="234"/>
    </row>
    <row r="18" spans="1:131" s="235" customFormat="1" ht="26.25" customHeight="1" x14ac:dyDescent="0.2">
      <c r="A18" s="238">
        <v>12</v>
      </c>
      <c r="B18" s="1032"/>
      <c r="C18" s="1033"/>
      <c r="D18" s="1033"/>
      <c r="E18" s="1033"/>
      <c r="F18" s="1033"/>
      <c r="G18" s="1033"/>
      <c r="H18" s="1033"/>
      <c r="I18" s="1033"/>
      <c r="J18" s="1033"/>
      <c r="K18" s="1033"/>
      <c r="L18" s="1033"/>
      <c r="M18" s="1033"/>
      <c r="N18" s="1033"/>
      <c r="O18" s="1033"/>
      <c r="P18" s="1034"/>
      <c r="Q18" s="1040"/>
      <c r="R18" s="1041"/>
      <c r="S18" s="1041"/>
      <c r="T18" s="1041"/>
      <c r="U18" s="1041"/>
      <c r="V18" s="1041"/>
      <c r="W18" s="1041"/>
      <c r="X18" s="1041"/>
      <c r="Y18" s="1041"/>
      <c r="Z18" s="1041"/>
      <c r="AA18" s="1041"/>
      <c r="AB18" s="1041"/>
      <c r="AC18" s="1041"/>
      <c r="AD18" s="1041"/>
      <c r="AE18" s="1042"/>
      <c r="AF18" s="1037"/>
      <c r="AG18" s="1038"/>
      <c r="AH18" s="1038"/>
      <c r="AI18" s="1038"/>
      <c r="AJ18" s="1039"/>
      <c r="AK18" s="1082"/>
      <c r="AL18" s="1083"/>
      <c r="AM18" s="1083"/>
      <c r="AN18" s="1083"/>
      <c r="AO18" s="1083"/>
      <c r="AP18" s="1083"/>
      <c r="AQ18" s="1083"/>
      <c r="AR18" s="1083"/>
      <c r="AS18" s="1083"/>
      <c r="AT18" s="1083"/>
      <c r="AU18" s="1084"/>
      <c r="AV18" s="1084"/>
      <c r="AW18" s="1084"/>
      <c r="AX18" s="1084"/>
      <c r="AY18" s="1085"/>
      <c r="AZ18" s="232"/>
      <c r="BA18" s="232"/>
      <c r="BB18" s="232"/>
      <c r="BC18" s="232"/>
      <c r="BD18" s="232"/>
      <c r="BE18" s="233"/>
      <c r="BF18" s="233"/>
      <c r="BG18" s="233"/>
      <c r="BH18" s="233"/>
      <c r="BI18" s="233"/>
      <c r="BJ18" s="233"/>
      <c r="BK18" s="233"/>
      <c r="BL18" s="233"/>
      <c r="BM18" s="233"/>
      <c r="BN18" s="233"/>
      <c r="BO18" s="233"/>
      <c r="BP18" s="233"/>
      <c r="BQ18" s="238">
        <v>12</v>
      </c>
      <c r="BR18" s="239"/>
      <c r="BS18" s="994"/>
      <c r="BT18" s="995"/>
      <c r="BU18" s="995"/>
      <c r="BV18" s="995"/>
      <c r="BW18" s="995"/>
      <c r="BX18" s="995"/>
      <c r="BY18" s="995"/>
      <c r="BZ18" s="995"/>
      <c r="CA18" s="995"/>
      <c r="CB18" s="995"/>
      <c r="CC18" s="995"/>
      <c r="CD18" s="995"/>
      <c r="CE18" s="995"/>
      <c r="CF18" s="995"/>
      <c r="CG18" s="1016"/>
      <c r="CH18" s="991"/>
      <c r="CI18" s="992"/>
      <c r="CJ18" s="992"/>
      <c r="CK18" s="992"/>
      <c r="CL18" s="993"/>
      <c r="CM18" s="991"/>
      <c r="CN18" s="992"/>
      <c r="CO18" s="992"/>
      <c r="CP18" s="992"/>
      <c r="CQ18" s="993"/>
      <c r="CR18" s="991"/>
      <c r="CS18" s="992"/>
      <c r="CT18" s="992"/>
      <c r="CU18" s="992"/>
      <c r="CV18" s="993"/>
      <c r="CW18" s="991"/>
      <c r="CX18" s="992"/>
      <c r="CY18" s="992"/>
      <c r="CZ18" s="992"/>
      <c r="DA18" s="993"/>
      <c r="DB18" s="991"/>
      <c r="DC18" s="992"/>
      <c r="DD18" s="992"/>
      <c r="DE18" s="992"/>
      <c r="DF18" s="993"/>
      <c r="DG18" s="991"/>
      <c r="DH18" s="992"/>
      <c r="DI18" s="992"/>
      <c r="DJ18" s="992"/>
      <c r="DK18" s="993"/>
      <c r="DL18" s="991"/>
      <c r="DM18" s="992"/>
      <c r="DN18" s="992"/>
      <c r="DO18" s="992"/>
      <c r="DP18" s="993"/>
      <c r="DQ18" s="991"/>
      <c r="DR18" s="992"/>
      <c r="DS18" s="992"/>
      <c r="DT18" s="992"/>
      <c r="DU18" s="993"/>
      <c r="DV18" s="994"/>
      <c r="DW18" s="995"/>
      <c r="DX18" s="995"/>
      <c r="DY18" s="995"/>
      <c r="DZ18" s="996"/>
      <c r="EA18" s="234"/>
    </row>
    <row r="19" spans="1:131" s="235" customFormat="1" ht="26.25" customHeight="1" x14ac:dyDescent="0.2">
      <c r="A19" s="238">
        <v>13</v>
      </c>
      <c r="B19" s="1032"/>
      <c r="C19" s="1033"/>
      <c r="D19" s="1033"/>
      <c r="E19" s="1033"/>
      <c r="F19" s="1033"/>
      <c r="G19" s="1033"/>
      <c r="H19" s="1033"/>
      <c r="I19" s="1033"/>
      <c r="J19" s="1033"/>
      <c r="K19" s="1033"/>
      <c r="L19" s="1033"/>
      <c r="M19" s="1033"/>
      <c r="N19" s="1033"/>
      <c r="O19" s="1033"/>
      <c r="P19" s="1034"/>
      <c r="Q19" s="1040"/>
      <c r="R19" s="1041"/>
      <c r="S19" s="1041"/>
      <c r="T19" s="1041"/>
      <c r="U19" s="1041"/>
      <c r="V19" s="1041"/>
      <c r="W19" s="1041"/>
      <c r="X19" s="1041"/>
      <c r="Y19" s="1041"/>
      <c r="Z19" s="1041"/>
      <c r="AA19" s="1041"/>
      <c r="AB19" s="1041"/>
      <c r="AC19" s="1041"/>
      <c r="AD19" s="1041"/>
      <c r="AE19" s="1042"/>
      <c r="AF19" s="1037"/>
      <c r="AG19" s="1038"/>
      <c r="AH19" s="1038"/>
      <c r="AI19" s="1038"/>
      <c r="AJ19" s="1039"/>
      <c r="AK19" s="1082"/>
      <c r="AL19" s="1083"/>
      <c r="AM19" s="1083"/>
      <c r="AN19" s="1083"/>
      <c r="AO19" s="1083"/>
      <c r="AP19" s="1083"/>
      <c r="AQ19" s="1083"/>
      <c r="AR19" s="1083"/>
      <c r="AS19" s="1083"/>
      <c r="AT19" s="1083"/>
      <c r="AU19" s="1084"/>
      <c r="AV19" s="1084"/>
      <c r="AW19" s="1084"/>
      <c r="AX19" s="1084"/>
      <c r="AY19" s="1085"/>
      <c r="AZ19" s="232"/>
      <c r="BA19" s="232"/>
      <c r="BB19" s="232"/>
      <c r="BC19" s="232"/>
      <c r="BD19" s="232"/>
      <c r="BE19" s="233"/>
      <c r="BF19" s="233"/>
      <c r="BG19" s="233"/>
      <c r="BH19" s="233"/>
      <c r="BI19" s="233"/>
      <c r="BJ19" s="233"/>
      <c r="BK19" s="233"/>
      <c r="BL19" s="233"/>
      <c r="BM19" s="233"/>
      <c r="BN19" s="233"/>
      <c r="BO19" s="233"/>
      <c r="BP19" s="233"/>
      <c r="BQ19" s="238">
        <v>13</v>
      </c>
      <c r="BR19" s="239"/>
      <c r="BS19" s="994"/>
      <c r="BT19" s="995"/>
      <c r="BU19" s="995"/>
      <c r="BV19" s="995"/>
      <c r="BW19" s="995"/>
      <c r="BX19" s="995"/>
      <c r="BY19" s="995"/>
      <c r="BZ19" s="995"/>
      <c r="CA19" s="995"/>
      <c r="CB19" s="995"/>
      <c r="CC19" s="995"/>
      <c r="CD19" s="995"/>
      <c r="CE19" s="995"/>
      <c r="CF19" s="995"/>
      <c r="CG19" s="1016"/>
      <c r="CH19" s="991"/>
      <c r="CI19" s="992"/>
      <c r="CJ19" s="992"/>
      <c r="CK19" s="992"/>
      <c r="CL19" s="993"/>
      <c r="CM19" s="991"/>
      <c r="CN19" s="992"/>
      <c r="CO19" s="992"/>
      <c r="CP19" s="992"/>
      <c r="CQ19" s="993"/>
      <c r="CR19" s="991"/>
      <c r="CS19" s="992"/>
      <c r="CT19" s="992"/>
      <c r="CU19" s="992"/>
      <c r="CV19" s="993"/>
      <c r="CW19" s="991"/>
      <c r="CX19" s="992"/>
      <c r="CY19" s="992"/>
      <c r="CZ19" s="992"/>
      <c r="DA19" s="993"/>
      <c r="DB19" s="991"/>
      <c r="DC19" s="992"/>
      <c r="DD19" s="992"/>
      <c r="DE19" s="992"/>
      <c r="DF19" s="993"/>
      <c r="DG19" s="991"/>
      <c r="DH19" s="992"/>
      <c r="DI19" s="992"/>
      <c r="DJ19" s="992"/>
      <c r="DK19" s="993"/>
      <c r="DL19" s="991"/>
      <c r="DM19" s="992"/>
      <c r="DN19" s="992"/>
      <c r="DO19" s="992"/>
      <c r="DP19" s="993"/>
      <c r="DQ19" s="991"/>
      <c r="DR19" s="992"/>
      <c r="DS19" s="992"/>
      <c r="DT19" s="992"/>
      <c r="DU19" s="993"/>
      <c r="DV19" s="994"/>
      <c r="DW19" s="995"/>
      <c r="DX19" s="995"/>
      <c r="DY19" s="995"/>
      <c r="DZ19" s="996"/>
      <c r="EA19" s="234"/>
    </row>
    <row r="20" spans="1:131" s="235" customFormat="1" ht="26.25" customHeight="1" x14ac:dyDescent="0.2">
      <c r="A20" s="238">
        <v>14</v>
      </c>
      <c r="B20" s="1032"/>
      <c r="C20" s="1033"/>
      <c r="D20" s="1033"/>
      <c r="E20" s="1033"/>
      <c r="F20" s="1033"/>
      <c r="G20" s="1033"/>
      <c r="H20" s="1033"/>
      <c r="I20" s="1033"/>
      <c r="J20" s="1033"/>
      <c r="K20" s="1033"/>
      <c r="L20" s="1033"/>
      <c r="M20" s="1033"/>
      <c r="N20" s="1033"/>
      <c r="O20" s="1033"/>
      <c r="P20" s="1034"/>
      <c r="Q20" s="1040"/>
      <c r="R20" s="1041"/>
      <c r="S20" s="1041"/>
      <c r="T20" s="1041"/>
      <c r="U20" s="1041"/>
      <c r="V20" s="1041"/>
      <c r="W20" s="1041"/>
      <c r="X20" s="1041"/>
      <c r="Y20" s="1041"/>
      <c r="Z20" s="1041"/>
      <c r="AA20" s="1041"/>
      <c r="AB20" s="1041"/>
      <c r="AC20" s="1041"/>
      <c r="AD20" s="1041"/>
      <c r="AE20" s="1042"/>
      <c r="AF20" s="1037"/>
      <c r="AG20" s="1038"/>
      <c r="AH20" s="1038"/>
      <c r="AI20" s="1038"/>
      <c r="AJ20" s="1039"/>
      <c r="AK20" s="1082"/>
      <c r="AL20" s="1083"/>
      <c r="AM20" s="1083"/>
      <c r="AN20" s="1083"/>
      <c r="AO20" s="1083"/>
      <c r="AP20" s="1083"/>
      <c r="AQ20" s="1083"/>
      <c r="AR20" s="1083"/>
      <c r="AS20" s="1083"/>
      <c r="AT20" s="1083"/>
      <c r="AU20" s="1084"/>
      <c r="AV20" s="1084"/>
      <c r="AW20" s="1084"/>
      <c r="AX20" s="1084"/>
      <c r="AY20" s="1085"/>
      <c r="AZ20" s="232"/>
      <c r="BA20" s="232"/>
      <c r="BB20" s="232"/>
      <c r="BC20" s="232"/>
      <c r="BD20" s="232"/>
      <c r="BE20" s="233"/>
      <c r="BF20" s="233"/>
      <c r="BG20" s="233"/>
      <c r="BH20" s="233"/>
      <c r="BI20" s="233"/>
      <c r="BJ20" s="233"/>
      <c r="BK20" s="233"/>
      <c r="BL20" s="233"/>
      <c r="BM20" s="233"/>
      <c r="BN20" s="233"/>
      <c r="BO20" s="233"/>
      <c r="BP20" s="233"/>
      <c r="BQ20" s="238">
        <v>14</v>
      </c>
      <c r="BR20" s="239"/>
      <c r="BS20" s="994"/>
      <c r="BT20" s="995"/>
      <c r="BU20" s="995"/>
      <c r="BV20" s="995"/>
      <c r="BW20" s="995"/>
      <c r="BX20" s="995"/>
      <c r="BY20" s="995"/>
      <c r="BZ20" s="995"/>
      <c r="CA20" s="995"/>
      <c r="CB20" s="995"/>
      <c r="CC20" s="995"/>
      <c r="CD20" s="995"/>
      <c r="CE20" s="995"/>
      <c r="CF20" s="995"/>
      <c r="CG20" s="1016"/>
      <c r="CH20" s="991"/>
      <c r="CI20" s="992"/>
      <c r="CJ20" s="992"/>
      <c r="CK20" s="992"/>
      <c r="CL20" s="993"/>
      <c r="CM20" s="991"/>
      <c r="CN20" s="992"/>
      <c r="CO20" s="992"/>
      <c r="CP20" s="992"/>
      <c r="CQ20" s="993"/>
      <c r="CR20" s="991"/>
      <c r="CS20" s="992"/>
      <c r="CT20" s="992"/>
      <c r="CU20" s="992"/>
      <c r="CV20" s="993"/>
      <c r="CW20" s="991"/>
      <c r="CX20" s="992"/>
      <c r="CY20" s="992"/>
      <c r="CZ20" s="992"/>
      <c r="DA20" s="993"/>
      <c r="DB20" s="991"/>
      <c r="DC20" s="992"/>
      <c r="DD20" s="992"/>
      <c r="DE20" s="992"/>
      <c r="DF20" s="993"/>
      <c r="DG20" s="991"/>
      <c r="DH20" s="992"/>
      <c r="DI20" s="992"/>
      <c r="DJ20" s="992"/>
      <c r="DK20" s="993"/>
      <c r="DL20" s="991"/>
      <c r="DM20" s="992"/>
      <c r="DN20" s="992"/>
      <c r="DO20" s="992"/>
      <c r="DP20" s="993"/>
      <c r="DQ20" s="991"/>
      <c r="DR20" s="992"/>
      <c r="DS20" s="992"/>
      <c r="DT20" s="992"/>
      <c r="DU20" s="993"/>
      <c r="DV20" s="994"/>
      <c r="DW20" s="995"/>
      <c r="DX20" s="995"/>
      <c r="DY20" s="995"/>
      <c r="DZ20" s="996"/>
      <c r="EA20" s="234"/>
    </row>
    <row r="21" spans="1:131" s="235" customFormat="1" ht="26.25" customHeight="1" thickBot="1" x14ac:dyDescent="0.25">
      <c r="A21" s="238">
        <v>15</v>
      </c>
      <c r="B21" s="1032"/>
      <c r="C21" s="1033"/>
      <c r="D21" s="1033"/>
      <c r="E21" s="1033"/>
      <c r="F21" s="1033"/>
      <c r="G21" s="1033"/>
      <c r="H21" s="1033"/>
      <c r="I21" s="1033"/>
      <c r="J21" s="1033"/>
      <c r="K21" s="1033"/>
      <c r="L21" s="1033"/>
      <c r="M21" s="1033"/>
      <c r="N21" s="1033"/>
      <c r="O21" s="1033"/>
      <c r="P21" s="1034"/>
      <c r="Q21" s="1040"/>
      <c r="R21" s="1041"/>
      <c r="S21" s="1041"/>
      <c r="T21" s="1041"/>
      <c r="U21" s="1041"/>
      <c r="V21" s="1041"/>
      <c r="W21" s="1041"/>
      <c r="X21" s="1041"/>
      <c r="Y21" s="1041"/>
      <c r="Z21" s="1041"/>
      <c r="AA21" s="1041"/>
      <c r="AB21" s="1041"/>
      <c r="AC21" s="1041"/>
      <c r="AD21" s="1041"/>
      <c r="AE21" s="1042"/>
      <c r="AF21" s="1037"/>
      <c r="AG21" s="1038"/>
      <c r="AH21" s="1038"/>
      <c r="AI21" s="1038"/>
      <c r="AJ21" s="1039"/>
      <c r="AK21" s="1082"/>
      <c r="AL21" s="1083"/>
      <c r="AM21" s="1083"/>
      <c r="AN21" s="1083"/>
      <c r="AO21" s="1083"/>
      <c r="AP21" s="1083"/>
      <c r="AQ21" s="1083"/>
      <c r="AR21" s="1083"/>
      <c r="AS21" s="1083"/>
      <c r="AT21" s="1083"/>
      <c r="AU21" s="1084"/>
      <c r="AV21" s="1084"/>
      <c r="AW21" s="1084"/>
      <c r="AX21" s="1084"/>
      <c r="AY21" s="1085"/>
      <c r="AZ21" s="232"/>
      <c r="BA21" s="232"/>
      <c r="BB21" s="232"/>
      <c r="BC21" s="232"/>
      <c r="BD21" s="232"/>
      <c r="BE21" s="233"/>
      <c r="BF21" s="233"/>
      <c r="BG21" s="233"/>
      <c r="BH21" s="233"/>
      <c r="BI21" s="233"/>
      <c r="BJ21" s="233"/>
      <c r="BK21" s="233"/>
      <c r="BL21" s="233"/>
      <c r="BM21" s="233"/>
      <c r="BN21" s="233"/>
      <c r="BO21" s="233"/>
      <c r="BP21" s="233"/>
      <c r="BQ21" s="238">
        <v>15</v>
      </c>
      <c r="BR21" s="239"/>
      <c r="BS21" s="994"/>
      <c r="BT21" s="995"/>
      <c r="BU21" s="995"/>
      <c r="BV21" s="995"/>
      <c r="BW21" s="995"/>
      <c r="BX21" s="995"/>
      <c r="BY21" s="995"/>
      <c r="BZ21" s="995"/>
      <c r="CA21" s="995"/>
      <c r="CB21" s="995"/>
      <c r="CC21" s="995"/>
      <c r="CD21" s="995"/>
      <c r="CE21" s="995"/>
      <c r="CF21" s="995"/>
      <c r="CG21" s="1016"/>
      <c r="CH21" s="991"/>
      <c r="CI21" s="992"/>
      <c r="CJ21" s="992"/>
      <c r="CK21" s="992"/>
      <c r="CL21" s="993"/>
      <c r="CM21" s="991"/>
      <c r="CN21" s="992"/>
      <c r="CO21" s="992"/>
      <c r="CP21" s="992"/>
      <c r="CQ21" s="993"/>
      <c r="CR21" s="991"/>
      <c r="CS21" s="992"/>
      <c r="CT21" s="992"/>
      <c r="CU21" s="992"/>
      <c r="CV21" s="993"/>
      <c r="CW21" s="991"/>
      <c r="CX21" s="992"/>
      <c r="CY21" s="992"/>
      <c r="CZ21" s="992"/>
      <c r="DA21" s="993"/>
      <c r="DB21" s="991"/>
      <c r="DC21" s="992"/>
      <c r="DD21" s="992"/>
      <c r="DE21" s="992"/>
      <c r="DF21" s="993"/>
      <c r="DG21" s="991"/>
      <c r="DH21" s="992"/>
      <c r="DI21" s="992"/>
      <c r="DJ21" s="992"/>
      <c r="DK21" s="993"/>
      <c r="DL21" s="991"/>
      <c r="DM21" s="992"/>
      <c r="DN21" s="992"/>
      <c r="DO21" s="992"/>
      <c r="DP21" s="993"/>
      <c r="DQ21" s="991"/>
      <c r="DR21" s="992"/>
      <c r="DS21" s="992"/>
      <c r="DT21" s="992"/>
      <c r="DU21" s="993"/>
      <c r="DV21" s="994"/>
      <c r="DW21" s="995"/>
      <c r="DX21" s="995"/>
      <c r="DY21" s="995"/>
      <c r="DZ21" s="996"/>
      <c r="EA21" s="234"/>
    </row>
    <row r="22" spans="1:131" s="235" customFormat="1" ht="26.25" customHeight="1" x14ac:dyDescent="0.2">
      <c r="A22" s="238">
        <v>16</v>
      </c>
      <c r="B22" s="1032"/>
      <c r="C22" s="1033"/>
      <c r="D22" s="1033"/>
      <c r="E22" s="1033"/>
      <c r="F22" s="1033"/>
      <c r="G22" s="1033"/>
      <c r="H22" s="1033"/>
      <c r="I22" s="1033"/>
      <c r="J22" s="1033"/>
      <c r="K22" s="1033"/>
      <c r="L22" s="1033"/>
      <c r="M22" s="1033"/>
      <c r="N22" s="1033"/>
      <c r="O22" s="1033"/>
      <c r="P22" s="1034"/>
      <c r="Q22" s="1075"/>
      <c r="R22" s="1076"/>
      <c r="S22" s="1076"/>
      <c r="T22" s="1076"/>
      <c r="U22" s="1076"/>
      <c r="V22" s="1076"/>
      <c r="W22" s="1076"/>
      <c r="X22" s="1076"/>
      <c r="Y22" s="1076"/>
      <c r="Z22" s="1076"/>
      <c r="AA22" s="1076"/>
      <c r="AB22" s="1076"/>
      <c r="AC22" s="1076"/>
      <c r="AD22" s="1076"/>
      <c r="AE22" s="1077"/>
      <c r="AF22" s="1037"/>
      <c r="AG22" s="1038"/>
      <c r="AH22" s="1038"/>
      <c r="AI22" s="1038"/>
      <c r="AJ22" s="1039"/>
      <c r="AK22" s="1078"/>
      <c r="AL22" s="1079"/>
      <c r="AM22" s="1079"/>
      <c r="AN22" s="1079"/>
      <c r="AO22" s="1079"/>
      <c r="AP22" s="1079"/>
      <c r="AQ22" s="1079"/>
      <c r="AR22" s="1079"/>
      <c r="AS22" s="1079"/>
      <c r="AT22" s="1079"/>
      <c r="AU22" s="1080"/>
      <c r="AV22" s="1080"/>
      <c r="AW22" s="1080"/>
      <c r="AX22" s="1080"/>
      <c r="AY22" s="1081"/>
      <c r="AZ22" s="1030" t="s">
        <v>389</v>
      </c>
      <c r="BA22" s="1030"/>
      <c r="BB22" s="1030"/>
      <c r="BC22" s="1030"/>
      <c r="BD22" s="1031"/>
      <c r="BE22" s="233"/>
      <c r="BF22" s="233"/>
      <c r="BG22" s="233"/>
      <c r="BH22" s="233"/>
      <c r="BI22" s="233"/>
      <c r="BJ22" s="233"/>
      <c r="BK22" s="233"/>
      <c r="BL22" s="233"/>
      <c r="BM22" s="233"/>
      <c r="BN22" s="233"/>
      <c r="BO22" s="233"/>
      <c r="BP22" s="233"/>
      <c r="BQ22" s="238">
        <v>16</v>
      </c>
      <c r="BR22" s="239"/>
      <c r="BS22" s="994"/>
      <c r="BT22" s="995"/>
      <c r="BU22" s="995"/>
      <c r="BV22" s="995"/>
      <c r="BW22" s="995"/>
      <c r="BX22" s="995"/>
      <c r="BY22" s="995"/>
      <c r="BZ22" s="995"/>
      <c r="CA22" s="995"/>
      <c r="CB22" s="995"/>
      <c r="CC22" s="995"/>
      <c r="CD22" s="995"/>
      <c r="CE22" s="995"/>
      <c r="CF22" s="995"/>
      <c r="CG22" s="1016"/>
      <c r="CH22" s="991"/>
      <c r="CI22" s="992"/>
      <c r="CJ22" s="992"/>
      <c r="CK22" s="992"/>
      <c r="CL22" s="993"/>
      <c r="CM22" s="991"/>
      <c r="CN22" s="992"/>
      <c r="CO22" s="992"/>
      <c r="CP22" s="992"/>
      <c r="CQ22" s="993"/>
      <c r="CR22" s="991"/>
      <c r="CS22" s="992"/>
      <c r="CT22" s="992"/>
      <c r="CU22" s="992"/>
      <c r="CV22" s="993"/>
      <c r="CW22" s="991"/>
      <c r="CX22" s="992"/>
      <c r="CY22" s="992"/>
      <c r="CZ22" s="992"/>
      <c r="DA22" s="993"/>
      <c r="DB22" s="991"/>
      <c r="DC22" s="992"/>
      <c r="DD22" s="992"/>
      <c r="DE22" s="992"/>
      <c r="DF22" s="993"/>
      <c r="DG22" s="991"/>
      <c r="DH22" s="992"/>
      <c r="DI22" s="992"/>
      <c r="DJ22" s="992"/>
      <c r="DK22" s="993"/>
      <c r="DL22" s="991"/>
      <c r="DM22" s="992"/>
      <c r="DN22" s="992"/>
      <c r="DO22" s="992"/>
      <c r="DP22" s="993"/>
      <c r="DQ22" s="991"/>
      <c r="DR22" s="992"/>
      <c r="DS22" s="992"/>
      <c r="DT22" s="992"/>
      <c r="DU22" s="993"/>
      <c r="DV22" s="994"/>
      <c r="DW22" s="995"/>
      <c r="DX22" s="995"/>
      <c r="DY22" s="995"/>
      <c r="DZ22" s="996"/>
      <c r="EA22" s="234"/>
    </row>
    <row r="23" spans="1:131" s="235" customFormat="1" ht="26.25" customHeight="1" thickBot="1" x14ac:dyDescent="0.25">
      <c r="A23" s="240" t="s">
        <v>390</v>
      </c>
      <c r="B23" s="937" t="s">
        <v>391</v>
      </c>
      <c r="C23" s="938"/>
      <c r="D23" s="938"/>
      <c r="E23" s="938"/>
      <c r="F23" s="938"/>
      <c r="G23" s="938"/>
      <c r="H23" s="938"/>
      <c r="I23" s="938"/>
      <c r="J23" s="938"/>
      <c r="K23" s="938"/>
      <c r="L23" s="938"/>
      <c r="M23" s="938"/>
      <c r="N23" s="938"/>
      <c r="O23" s="938"/>
      <c r="P23" s="948"/>
      <c r="Q23" s="1069">
        <v>52148</v>
      </c>
      <c r="R23" s="1063"/>
      <c r="S23" s="1063"/>
      <c r="T23" s="1063"/>
      <c r="U23" s="1063"/>
      <c r="V23" s="1063">
        <v>49629</v>
      </c>
      <c r="W23" s="1063"/>
      <c r="X23" s="1063"/>
      <c r="Y23" s="1063"/>
      <c r="Z23" s="1063"/>
      <c r="AA23" s="1063">
        <v>2518</v>
      </c>
      <c r="AB23" s="1063"/>
      <c r="AC23" s="1063"/>
      <c r="AD23" s="1063"/>
      <c r="AE23" s="1070"/>
      <c r="AF23" s="1071">
        <v>2378</v>
      </c>
      <c r="AG23" s="1063"/>
      <c r="AH23" s="1063"/>
      <c r="AI23" s="1063"/>
      <c r="AJ23" s="1072"/>
      <c r="AK23" s="1073"/>
      <c r="AL23" s="1074"/>
      <c r="AM23" s="1074"/>
      <c r="AN23" s="1074"/>
      <c r="AO23" s="1074"/>
      <c r="AP23" s="1063">
        <v>16227</v>
      </c>
      <c r="AQ23" s="1063"/>
      <c r="AR23" s="1063"/>
      <c r="AS23" s="1063"/>
      <c r="AT23" s="1063"/>
      <c r="AU23" s="1064"/>
      <c r="AV23" s="1064"/>
      <c r="AW23" s="1064"/>
      <c r="AX23" s="1064"/>
      <c r="AY23" s="1065"/>
      <c r="AZ23" s="1066" t="s">
        <v>392</v>
      </c>
      <c r="BA23" s="1067"/>
      <c r="BB23" s="1067"/>
      <c r="BC23" s="1067"/>
      <c r="BD23" s="1068"/>
      <c r="BE23" s="233"/>
      <c r="BF23" s="233"/>
      <c r="BG23" s="233"/>
      <c r="BH23" s="233"/>
      <c r="BI23" s="233"/>
      <c r="BJ23" s="233"/>
      <c r="BK23" s="233"/>
      <c r="BL23" s="233"/>
      <c r="BM23" s="233"/>
      <c r="BN23" s="233"/>
      <c r="BO23" s="233"/>
      <c r="BP23" s="233"/>
      <c r="BQ23" s="238">
        <v>17</v>
      </c>
      <c r="BR23" s="239"/>
      <c r="BS23" s="994"/>
      <c r="BT23" s="995"/>
      <c r="BU23" s="995"/>
      <c r="BV23" s="995"/>
      <c r="BW23" s="995"/>
      <c r="BX23" s="995"/>
      <c r="BY23" s="995"/>
      <c r="BZ23" s="995"/>
      <c r="CA23" s="995"/>
      <c r="CB23" s="995"/>
      <c r="CC23" s="995"/>
      <c r="CD23" s="995"/>
      <c r="CE23" s="995"/>
      <c r="CF23" s="995"/>
      <c r="CG23" s="1016"/>
      <c r="CH23" s="991"/>
      <c r="CI23" s="992"/>
      <c r="CJ23" s="992"/>
      <c r="CK23" s="992"/>
      <c r="CL23" s="993"/>
      <c r="CM23" s="991"/>
      <c r="CN23" s="992"/>
      <c r="CO23" s="992"/>
      <c r="CP23" s="992"/>
      <c r="CQ23" s="993"/>
      <c r="CR23" s="991"/>
      <c r="CS23" s="992"/>
      <c r="CT23" s="992"/>
      <c r="CU23" s="992"/>
      <c r="CV23" s="993"/>
      <c r="CW23" s="991"/>
      <c r="CX23" s="992"/>
      <c r="CY23" s="992"/>
      <c r="CZ23" s="992"/>
      <c r="DA23" s="993"/>
      <c r="DB23" s="991"/>
      <c r="DC23" s="992"/>
      <c r="DD23" s="992"/>
      <c r="DE23" s="992"/>
      <c r="DF23" s="993"/>
      <c r="DG23" s="991"/>
      <c r="DH23" s="992"/>
      <c r="DI23" s="992"/>
      <c r="DJ23" s="992"/>
      <c r="DK23" s="993"/>
      <c r="DL23" s="991"/>
      <c r="DM23" s="992"/>
      <c r="DN23" s="992"/>
      <c r="DO23" s="992"/>
      <c r="DP23" s="993"/>
      <c r="DQ23" s="991"/>
      <c r="DR23" s="992"/>
      <c r="DS23" s="992"/>
      <c r="DT23" s="992"/>
      <c r="DU23" s="993"/>
      <c r="DV23" s="994"/>
      <c r="DW23" s="995"/>
      <c r="DX23" s="995"/>
      <c r="DY23" s="995"/>
      <c r="DZ23" s="996"/>
      <c r="EA23" s="234"/>
    </row>
    <row r="24" spans="1:131" s="235" customFormat="1" ht="26.25" customHeight="1" x14ac:dyDescent="0.2">
      <c r="A24" s="1062" t="s">
        <v>393</v>
      </c>
      <c r="B24" s="1062"/>
      <c r="C24" s="1062"/>
      <c r="D24" s="1062"/>
      <c r="E24" s="1062"/>
      <c r="F24" s="1062"/>
      <c r="G24" s="1062"/>
      <c r="H24" s="1062"/>
      <c r="I24" s="1062"/>
      <c r="J24" s="1062"/>
      <c r="K24" s="1062"/>
      <c r="L24" s="1062"/>
      <c r="M24" s="1062"/>
      <c r="N24" s="1062"/>
      <c r="O24" s="1062"/>
      <c r="P24" s="1062"/>
      <c r="Q24" s="1062"/>
      <c r="R24" s="1062"/>
      <c r="S24" s="1062"/>
      <c r="T24" s="1062"/>
      <c r="U24" s="1062"/>
      <c r="V24" s="1062"/>
      <c r="W24" s="1062"/>
      <c r="X24" s="1062"/>
      <c r="Y24" s="1062"/>
      <c r="Z24" s="1062"/>
      <c r="AA24" s="1062"/>
      <c r="AB24" s="1062"/>
      <c r="AC24" s="1062"/>
      <c r="AD24" s="1062"/>
      <c r="AE24" s="1062"/>
      <c r="AF24" s="1062"/>
      <c r="AG24" s="1062"/>
      <c r="AH24" s="1062"/>
      <c r="AI24" s="1062"/>
      <c r="AJ24" s="1062"/>
      <c r="AK24" s="1062"/>
      <c r="AL24" s="1062"/>
      <c r="AM24" s="1062"/>
      <c r="AN24" s="1062"/>
      <c r="AO24" s="1062"/>
      <c r="AP24" s="1062"/>
      <c r="AQ24" s="1062"/>
      <c r="AR24" s="1062"/>
      <c r="AS24" s="1062"/>
      <c r="AT24" s="1062"/>
      <c r="AU24" s="1062"/>
      <c r="AV24" s="1062"/>
      <c r="AW24" s="1062"/>
      <c r="AX24" s="1062"/>
      <c r="AY24" s="1062"/>
      <c r="AZ24" s="232"/>
      <c r="BA24" s="232"/>
      <c r="BB24" s="232"/>
      <c r="BC24" s="232"/>
      <c r="BD24" s="232"/>
      <c r="BE24" s="233"/>
      <c r="BF24" s="233"/>
      <c r="BG24" s="233"/>
      <c r="BH24" s="233"/>
      <c r="BI24" s="233"/>
      <c r="BJ24" s="233"/>
      <c r="BK24" s="233"/>
      <c r="BL24" s="233"/>
      <c r="BM24" s="233"/>
      <c r="BN24" s="233"/>
      <c r="BO24" s="233"/>
      <c r="BP24" s="233"/>
      <c r="BQ24" s="238">
        <v>18</v>
      </c>
      <c r="BR24" s="239"/>
      <c r="BS24" s="994"/>
      <c r="BT24" s="995"/>
      <c r="BU24" s="995"/>
      <c r="BV24" s="995"/>
      <c r="BW24" s="995"/>
      <c r="BX24" s="995"/>
      <c r="BY24" s="995"/>
      <c r="BZ24" s="995"/>
      <c r="CA24" s="995"/>
      <c r="CB24" s="995"/>
      <c r="CC24" s="995"/>
      <c r="CD24" s="995"/>
      <c r="CE24" s="995"/>
      <c r="CF24" s="995"/>
      <c r="CG24" s="1016"/>
      <c r="CH24" s="991"/>
      <c r="CI24" s="992"/>
      <c r="CJ24" s="992"/>
      <c r="CK24" s="992"/>
      <c r="CL24" s="993"/>
      <c r="CM24" s="991"/>
      <c r="CN24" s="992"/>
      <c r="CO24" s="992"/>
      <c r="CP24" s="992"/>
      <c r="CQ24" s="993"/>
      <c r="CR24" s="991"/>
      <c r="CS24" s="992"/>
      <c r="CT24" s="992"/>
      <c r="CU24" s="992"/>
      <c r="CV24" s="993"/>
      <c r="CW24" s="991"/>
      <c r="CX24" s="992"/>
      <c r="CY24" s="992"/>
      <c r="CZ24" s="992"/>
      <c r="DA24" s="993"/>
      <c r="DB24" s="991"/>
      <c r="DC24" s="992"/>
      <c r="DD24" s="992"/>
      <c r="DE24" s="992"/>
      <c r="DF24" s="993"/>
      <c r="DG24" s="991"/>
      <c r="DH24" s="992"/>
      <c r="DI24" s="992"/>
      <c r="DJ24" s="992"/>
      <c r="DK24" s="993"/>
      <c r="DL24" s="991"/>
      <c r="DM24" s="992"/>
      <c r="DN24" s="992"/>
      <c r="DO24" s="992"/>
      <c r="DP24" s="993"/>
      <c r="DQ24" s="991"/>
      <c r="DR24" s="992"/>
      <c r="DS24" s="992"/>
      <c r="DT24" s="992"/>
      <c r="DU24" s="993"/>
      <c r="DV24" s="994"/>
      <c r="DW24" s="995"/>
      <c r="DX24" s="995"/>
      <c r="DY24" s="995"/>
      <c r="DZ24" s="996"/>
      <c r="EA24" s="234"/>
    </row>
    <row r="25" spans="1:131" ht="26.25" customHeight="1" thickBot="1" x14ac:dyDescent="0.25">
      <c r="A25" s="1061" t="s">
        <v>394</v>
      </c>
      <c r="B25" s="1061"/>
      <c r="C25" s="1061"/>
      <c r="D25" s="1061"/>
      <c r="E25" s="1061"/>
      <c r="F25" s="1061"/>
      <c r="G25" s="1061"/>
      <c r="H25" s="1061"/>
      <c r="I25" s="1061"/>
      <c r="J25" s="1061"/>
      <c r="K25" s="1061"/>
      <c r="L25" s="1061"/>
      <c r="M25" s="1061"/>
      <c r="N25" s="1061"/>
      <c r="O25" s="1061"/>
      <c r="P25" s="1061"/>
      <c r="Q25" s="1061"/>
      <c r="R25" s="1061"/>
      <c r="S25" s="1061"/>
      <c r="T25" s="1061"/>
      <c r="U25" s="1061"/>
      <c r="V25" s="1061"/>
      <c r="W25" s="1061"/>
      <c r="X25" s="1061"/>
      <c r="Y25" s="1061"/>
      <c r="Z25" s="1061"/>
      <c r="AA25" s="1061"/>
      <c r="AB25" s="1061"/>
      <c r="AC25" s="1061"/>
      <c r="AD25" s="1061"/>
      <c r="AE25" s="1061"/>
      <c r="AF25" s="1061"/>
      <c r="AG25" s="1061"/>
      <c r="AH25" s="1061"/>
      <c r="AI25" s="1061"/>
      <c r="AJ25" s="1061"/>
      <c r="AK25" s="1061"/>
      <c r="AL25" s="1061"/>
      <c r="AM25" s="1061"/>
      <c r="AN25" s="1061"/>
      <c r="AO25" s="1061"/>
      <c r="AP25" s="1061"/>
      <c r="AQ25" s="1061"/>
      <c r="AR25" s="1061"/>
      <c r="AS25" s="1061"/>
      <c r="AT25" s="1061"/>
      <c r="AU25" s="1061"/>
      <c r="AV25" s="1061"/>
      <c r="AW25" s="1061"/>
      <c r="AX25" s="1061"/>
      <c r="AY25" s="1061"/>
      <c r="AZ25" s="1061"/>
      <c r="BA25" s="1061"/>
      <c r="BB25" s="1061"/>
      <c r="BC25" s="1061"/>
      <c r="BD25" s="1061"/>
      <c r="BE25" s="1061"/>
      <c r="BF25" s="1061"/>
      <c r="BG25" s="1061"/>
      <c r="BH25" s="1061"/>
      <c r="BI25" s="1061"/>
      <c r="BJ25" s="232"/>
      <c r="BK25" s="232"/>
      <c r="BL25" s="232"/>
      <c r="BM25" s="232"/>
      <c r="BN25" s="232"/>
      <c r="BO25" s="241"/>
      <c r="BP25" s="241"/>
      <c r="BQ25" s="238">
        <v>19</v>
      </c>
      <c r="BR25" s="239"/>
      <c r="BS25" s="994"/>
      <c r="BT25" s="995"/>
      <c r="BU25" s="995"/>
      <c r="BV25" s="995"/>
      <c r="BW25" s="995"/>
      <c r="BX25" s="995"/>
      <c r="BY25" s="995"/>
      <c r="BZ25" s="995"/>
      <c r="CA25" s="995"/>
      <c r="CB25" s="995"/>
      <c r="CC25" s="995"/>
      <c r="CD25" s="995"/>
      <c r="CE25" s="995"/>
      <c r="CF25" s="995"/>
      <c r="CG25" s="1016"/>
      <c r="CH25" s="991"/>
      <c r="CI25" s="992"/>
      <c r="CJ25" s="992"/>
      <c r="CK25" s="992"/>
      <c r="CL25" s="993"/>
      <c r="CM25" s="991"/>
      <c r="CN25" s="992"/>
      <c r="CO25" s="992"/>
      <c r="CP25" s="992"/>
      <c r="CQ25" s="993"/>
      <c r="CR25" s="991"/>
      <c r="CS25" s="992"/>
      <c r="CT25" s="992"/>
      <c r="CU25" s="992"/>
      <c r="CV25" s="993"/>
      <c r="CW25" s="991"/>
      <c r="CX25" s="992"/>
      <c r="CY25" s="992"/>
      <c r="CZ25" s="992"/>
      <c r="DA25" s="993"/>
      <c r="DB25" s="991"/>
      <c r="DC25" s="992"/>
      <c r="DD25" s="992"/>
      <c r="DE25" s="992"/>
      <c r="DF25" s="993"/>
      <c r="DG25" s="991"/>
      <c r="DH25" s="992"/>
      <c r="DI25" s="992"/>
      <c r="DJ25" s="992"/>
      <c r="DK25" s="993"/>
      <c r="DL25" s="991"/>
      <c r="DM25" s="992"/>
      <c r="DN25" s="992"/>
      <c r="DO25" s="992"/>
      <c r="DP25" s="993"/>
      <c r="DQ25" s="991"/>
      <c r="DR25" s="992"/>
      <c r="DS25" s="992"/>
      <c r="DT25" s="992"/>
      <c r="DU25" s="993"/>
      <c r="DV25" s="994"/>
      <c r="DW25" s="995"/>
      <c r="DX25" s="995"/>
      <c r="DY25" s="995"/>
      <c r="DZ25" s="996"/>
      <c r="EA25" s="230"/>
    </row>
    <row r="26" spans="1:131" ht="26.25" customHeight="1" x14ac:dyDescent="0.2">
      <c r="A26" s="997" t="s">
        <v>371</v>
      </c>
      <c r="B26" s="998"/>
      <c r="C26" s="998"/>
      <c r="D26" s="998"/>
      <c r="E26" s="998"/>
      <c r="F26" s="998"/>
      <c r="G26" s="998"/>
      <c r="H26" s="998"/>
      <c r="I26" s="998"/>
      <c r="J26" s="998"/>
      <c r="K26" s="998"/>
      <c r="L26" s="998"/>
      <c r="M26" s="998"/>
      <c r="N26" s="998"/>
      <c r="O26" s="998"/>
      <c r="P26" s="999"/>
      <c r="Q26" s="1003" t="s">
        <v>395</v>
      </c>
      <c r="R26" s="1004"/>
      <c r="S26" s="1004"/>
      <c r="T26" s="1004"/>
      <c r="U26" s="1005"/>
      <c r="V26" s="1003" t="s">
        <v>396</v>
      </c>
      <c r="W26" s="1004"/>
      <c r="X26" s="1004"/>
      <c r="Y26" s="1004"/>
      <c r="Z26" s="1005"/>
      <c r="AA26" s="1003" t="s">
        <v>397</v>
      </c>
      <c r="AB26" s="1004"/>
      <c r="AC26" s="1004"/>
      <c r="AD26" s="1004"/>
      <c r="AE26" s="1004"/>
      <c r="AF26" s="1057" t="s">
        <v>398</v>
      </c>
      <c r="AG26" s="1010"/>
      <c r="AH26" s="1010"/>
      <c r="AI26" s="1010"/>
      <c r="AJ26" s="1058"/>
      <c r="AK26" s="1004" t="s">
        <v>399</v>
      </c>
      <c r="AL26" s="1004"/>
      <c r="AM26" s="1004"/>
      <c r="AN26" s="1004"/>
      <c r="AO26" s="1005"/>
      <c r="AP26" s="1003" t="s">
        <v>400</v>
      </c>
      <c r="AQ26" s="1004"/>
      <c r="AR26" s="1004"/>
      <c r="AS26" s="1004"/>
      <c r="AT26" s="1005"/>
      <c r="AU26" s="1003" t="s">
        <v>401</v>
      </c>
      <c r="AV26" s="1004"/>
      <c r="AW26" s="1004"/>
      <c r="AX26" s="1004"/>
      <c r="AY26" s="1005"/>
      <c r="AZ26" s="1003" t="s">
        <v>402</v>
      </c>
      <c r="BA26" s="1004"/>
      <c r="BB26" s="1004"/>
      <c r="BC26" s="1004"/>
      <c r="BD26" s="1005"/>
      <c r="BE26" s="1003" t="s">
        <v>378</v>
      </c>
      <c r="BF26" s="1004"/>
      <c r="BG26" s="1004"/>
      <c r="BH26" s="1004"/>
      <c r="BI26" s="1017"/>
      <c r="BJ26" s="232"/>
      <c r="BK26" s="232"/>
      <c r="BL26" s="232"/>
      <c r="BM26" s="232"/>
      <c r="BN26" s="232"/>
      <c r="BO26" s="241"/>
      <c r="BP26" s="241"/>
      <c r="BQ26" s="238">
        <v>20</v>
      </c>
      <c r="BR26" s="239"/>
      <c r="BS26" s="994"/>
      <c r="BT26" s="995"/>
      <c r="BU26" s="995"/>
      <c r="BV26" s="995"/>
      <c r="BW26" s="995"/>
      <c r="BX26" s="995"/>
      <c r="BY26" s="995"/>
      <c r="BZ26" s="995"/>
      <c r="CA26" s="995"/>
      <c r="CB26" s="995"/>
      <c r="CC26" s="995"/>
      <c r="CD26" s="995"/>
      <c r="CE26" s="995"/>
      <c r="CF26" s="995"/>
      <c r="CG26" s="1016"/>
      <c r="CH26" s="991"/>
      <c r="CI26" s="992"/>
      <c r="CJ26" s="992"/>
      <c r="CK26" s="992"/>
      <c r="CL26" s="993"/>
      <c r="CM26" s="991"/>
      <c r="CN26" s="992"/>
      <c r="CO26" s="992"/>
      <c r="CP26" s="992"/>
      <c r="CQ26" s="993"/>
      <c r="CR26" s="991"/>
      <c r="CS26" s="992"/>
      <c r="CT26" s="992"/>
      <c r="CU26" s="992"/>
      <c r="CV26" s="993"/>
      <c r="CW26" s="991"/>
      <c r="CX26" s="992"/>
      <c r="CY26" s="992"/>
      <c r="CZ26" s="992"/>
      <c r="DA26" s="993"/>
      <c r="DB26" s="991"/>
      <c r="DC26" s="992"/>
      <c r="DD26" s="992"/>
      <c r="DE26" s="992"/>
      <c r="DF26" s="993"/>
      <c r="DG26" s="991"/>
      <c r="DH26" s="992"/>
      <c r="DI26" s="992"/>
      <c r="DJ26" s="992"/>
      <c r="DK26" s="993"/>
      <c r="DL26" s="991"/>
      <c r="DM26" s="992"/>
      <c r="DN26" s="992"/>
      <c r="DO26" s="992"/>
      <c r="DP26" s="993"/>
      <c r="DQ26" s="991"/>
      <c r="DR26" s="992"/>
      <c r="DS26" s="992"/>
      <c r="DT26" s="992"/>
      <c r="DU26" s="993"/>
      <c r="DV26" s="994"/>
      <c r="DW26" s="995"/>
      <c r="DX26" s="995"/>
      <c r="DY26" s="995"/>
      <c r="DZ26" s="996"/>
      <c r="EA26" s="230"/>
    </row>
    <row r="27" spans="1:131" ht="26.25" customHeight="1" thickBot="1" x14ac:dyDescent="0.25">
      <c r="A27" s="1000"/>
      <c r="B27" s="1001"/>
      <c r="C27" s="1001"/>
      <c r="D27" s="1001"/>
      <c r="E27" s="1001"/>
      <c r="F27" s="1001"/>
      <c r="G27" s="1001"/>
      <c r="H27" s="1001"/>
      <c r="I27" s="1001"/>
      <c r="J27" s="1001"/>
      <c r="K27" s="1001"/>
      <c r="L27" s="1001"/>
      <c r="M27" s="1001"/>
      <c r="N27" s="1001"/>
      <c r="O27" s="1001"/>
      <c r="P27" s="1002"/>
      <c r="Q27" s="1006"/>
      <c r="R27" s="1007"/>
      <c r="S27" s="1007"/>
      <c r="T27" s="1007"/>
      <c r="U27" s="1008"/>
      <c r="V27" s="1006"/>
      <c r="W27" s="1007"/>
      <c r="X27" s="1007"/>
      <c r="Y27" s="1007"/>
      <c r="Z27" s="1008"/>
      <c r="AA27" s="1006"/>
      <c r="AB27" s="1007"/>
      <c r="AC27" s="1007"/>
      <c r="AD27" s="1007"/>
      <c r="AE27" s="1007"/>
      <c r="AF27" s="1059"/>
      <c r="AG27" s="1013"/>
      <c r="AH27" s="1013"/>
      <c r="AI27" s="1013"/>
      <c r="AJ27" s="1060"/>
      <c r="AK27" s="1007"/>
      <c r="AL27" s="1007"/>
      <c r="AM27" s="1007"/>
      <c r="AN27" s="1007"/>
      <c r="AO27" s="1008"/>
      <c r="AP27" s="1006"/>
      <c r="AQ27" s="1007"/>
      <c r="AR27" s="1007"/>
      <c r="AS27" s="1007"/>
      <c r="AT27" s="1008"/>
      <c r="AU27" s="1006"/>
      <c r="AV27" s="1007"/>
      <c r="AW27" s="1007"/>
      <c r="AX27" s="1007"/>
      <c r="AY27" s="1008"/>
      <c r="AZ27" s="1006"/>
      <c r="BA27" s="1007"/>
      <c r="BB27" s="1007"/>
      <c r="BC27" s="1007"/>
      <c r="BD27" s="1008"/>
      <c r="BE27" s="1006"/>
      <c r="BF27" s="1007"/>
      <c r="BG27" s="1007"/>
      <c r="BH27" s="1007"/>
      <c r="BI27" s="1018"/>
      <c r="BJ27" s="232"/>
      <c r="BK27" s="232"/>
      <c r="BL27" s="232"/>
      <c r="BM27" s="232"/>
      <c r="BN27" s="232"/>
      <c r="BO27" s="241"/>
      <c r="BP27" s="241"/>
      <c r="BQ27" s="238">
        <v>21</v>
      </c>
      <c r="BR27" s="239"/>
      <c r="BS27" s="994"/>
      <c r="BT27" s="995"/>
      <c r="BU27" s="995"/>
      <c r="BV27" s="995"/>
      <c r="BW27" s="995"/>
      <c r="BX27" s="995"/>
      <c r="BY27" s="995"/>
      <c r="BZ27" s="995"/>
      <c r="CA27" s="995"/>
      <c r="CB27" s="995"/>
      <c r="CC27" s="995"/>
      <c r="CD27" s="995"/>
      <c r="CE27" s="995"/>
      <c r="CF27" s="995"/>
      <c r="CG27" s="1016"/>
      <c r="CH27" s="991"/>
      <c r="CI27" s="992"/>
      <c r="CJ27" s="992"/>
      <c r="CK27" s="992"/>
      <c r="CL27" s="993"/>
      <c r="CM27" s="991"/>
      <c r="CN27" s="992"/>
      <c r="CO27" s="992"/>
      <c r="CP27" s="992"/>
      <c r="CQ27" s="993"/>
      <c r="CR27" s="991"/>
      <c r="CS27" s="992"/>
      <c r="CT27" s="992"/>
      <c r="CU27" s="992"/>
      <c r="CV27" s="993"/>
      <c r="CW27" s="991"/>
      <c r="CX27" s="992"/>
      <c r="CY27" s="992"/>
      <c r="CZ27" s="992"/>
      <c r="DA27" s="993"/>
      <c r="DB27" s="991"/>
      <c r="DC27" s="992"/>
      <c r="DD27" s="992"/>
      <c r="DE27" s="992"/>
      <c r="DF27" s="993"/>
      <c r="DG27" s="991"/>
      <c r="DH27" s="992"/>
      <c r="DI27" s="992"/>
      <c r="DJ27" s="992"/>
      <c r="DK27" s="993"/>
      <c r="DL27" s="991"/>
      <c r="DM27" s="992"/>
      <c r="DN27" s="992"/>
      <c r="DO27" s="992"/>
      <c r="DP27" s="993"/>
      <c r="DQ27" s="991"/>
      <c r="DR27" s="992"/>
      <c r="DS27" s="992"/>
      <c r="DT27" s="992"/>
      <c r="DU27" s="993"/>
      <c r="DV27" s="994"/>
      <c r="DW27" s="995"/>
      <c r="DX27" s="995"/>
      <c r="DY27" s="995"/>
      <c r="DZ27" s="996"/>
      <c r="EA27" s="230"/>
    </row>
    <row r="28" spans="1:131" ht="26.25" customHeight="1" thickTop="1" x14ac:dyDescent="0.2">
      <c r="A28" s="242">
        <v>1</v>
      </c>
      <c r="B28" s="1049" t="s">
        <v>403</v>
      </c>
      <c r="C28" s="1050"/>
      <c r="D28" s="1050"/>
      <c r="E28" s="1050"/>
      <c r="F28" s="1050"/>
      <c r="G28" s="1050"/>
      <c r="H28" s="1050"/>
      <c r="I28" s="1050"/>
      <c r="J28" s="1050"/>
      <c r="K28" s="1050"/>
      <c r="L28" s="1050"/>
      <c r="M28" s="1050"/>
      <c r="N28" s="1050"/>
      <c r="O28" s="1050"/>
      <c r="P28" s="1051"/>
      <c r="Q28" s="1052">
        <v>11823</v>
      </c>
      <c r="R28" s="1053"/>
      <c r="S28" s="1053"/>
      <c r="T28" s="1053"/>
      <c r="U28" s="1053"/>
      <c r="V28" s="1053">
        <v>11548</v>
      </c>
      <c r="W28" s="1053"/>
      <c r="X28" s="1053"/>
      <c r="Y28" s="1053"/>
      <c r="Z28" s="1053"/>
      <c r="AA28" s="1053">
        <v>276</v>
      </c>
      <c r="AB28" s="1053"/>
      <c r="AC28" s="1053"/>
      <c r="AD28" s="1053"/>
      <c r="AE28" s="1054"/>
      <c r="AF28" s="1055">
        <v>276</v>
      </c>
      <c r="AG28" s="1053"/>
      <c r="AH28" s="1053"/>
      <c r="AI28" s="1053"/>
      <c r="AJ28" s="1056"/>
      <c r="AK28" s="1044">
        <v>1653</v>
      </c>
      <c r="AL28" s="1045"/>
      <c r="AM28" s="1045"/>
      <c r="AN28" s="1045"/>
      <c r="AO28" s="1045"/>
      <c r="AP28" s="1045" t="s">
        <v>588</v>
      </c>
      <c r="AQ28" s="1045"/>
      <c r="AR28" s="1045"/>
      <c r="AS28" s="1045"/>
      <c r="AT28" s="1045"/>
      <c r="AU28" s="1045" t="s">
        <v>588</v>
      </c>
      <c r="AV28" s="1045"/>
      <c r="AW28" s="1045"/>
      <c r="AX28" s="1045"/>
      <c r="AY28" s="1045"/>
      <c r="AZ28" s="1046"/>
      <c r="BA28" s="1046"/>
      <c r="BB28" s="1046"/>
      <c r="BC28" s="1046"/>
      <c r="BD28" s="1046"/>
      <c r="BE28" s="1047"/>
      <c r="BF28" s="1047"/>
      <c r="BG28" s="1047"/>
      <c r="BH28" s="1047"/>
      <c r="BI28" s="1048"/>
      <c r="BJ28" s="232"/>
      <c r="BK28" s="232"/>
      <c r="BL28" s="232"/>
      <c r="BM28" s="232"/>
      <c r="BN28" s="232"/>
      <c r="BO28" s="241"/>
      <c r="BP28" s="241"/>
      <c r="BQ28" s="238">
        <v>22</v>
      </c>
      <c r="BR28" s="239"/>
      <c r="BS28" s="994"/>
      <c r="BT28" s="995"/>
      <c r="BU28" s="995"/>
      <c r="BV28" s="995"/>
      <c r="BW28" s="995"/>
      <c r="BX28" s="995"/>
      <c r="BY28" s="995"/>
      <c r="BZ28" s="995"/>
      <c r="CA28" s="995"/>
      <c r="CB28" s="995"/>
      <c r="CC28" s="995"/>
      <c r="CD28" s="995"/>
      <c r="CE28" s="995"/>
      <c r="CF28" s="995"/>
      <c r="CG28" s="1016"/>
      <c r="CH28" s="991"/>
      <c r="CI28" s="992"/>
      <c r="CJ28" s="992"/>
      <c r="CK28" s="992"/>
      <c r="CL28" s="993"/>
      <c r="CM28" s="991"/>
      <c r="CN28" s="992"/>
      <c r="CO28" s="992"/>
      <c r="CP28" s="992"/>
      <c r="CQ28" s="993"/>
      <c r="CR28" s="991"/>
      <c r="CS28" s="992"/>
      <c r="CT28" s="992"/>
      <c r="CU28" s="992"/>
      <c r="CV28" s="993"/>
      <c r="CW28" s="991"/>
      <c r="CX28" s="992"/>
      <c r="CY28" s="992"/>
      <c r="CZ28" s="992"/>
      <c r="DA28" s="993"/>
      <c r="DB28" s="991"/>
      <c r="DC28" s="992"/>
      <c r="DD28" s="992"/>
      <c r="DE28" s="992"/>
      <c r="DF28" s="993"/>
      <c r="DG28" s="991"/>
      <c r="DH28" s="992"/>
      <c r="DI28" s="992"/>
      <c r="DJ28" s="992"/>
      <c r="DK28" s="993"/>
      <c r="DL28" s="991"/>
      <c r="DM28" s="992"/>
      <c r="DN28" s="992"/>
      <c r="DO28" s="992"/>
      <c r="DP28" s="993"/>
      <c r="DQ28" s="991"/>
      <c r="DR28" s="992"/>
      <c r="DS28" s="992"/>
      <c r="DT28" s="992"/>
      <c r="DU28" s="993"/>
      <c r="DV28" s="994"/>
      <c r="DW28" s="995"/>
      <c r="DX28" s="995"/>
      <c r="DY28" s="995"/>
      <c r="DZ28" s="996"/>
      <c r="EA28" s="230"/>
    </row>
    <row r="29" spans="1:131" ht="26.25" customHeight="1" x14ac:dyDescent="0.2">
      <c r="A29" s="242">
        <v>2</v>
      </c>
      <c r="B29" s="1032" t="s">
        <v>404</v>
      </c>
      <c r="C29" s="1033"/>
      <c r="D29" s="1033"/>
      <c r="E29" s="1033"/>
      <c r="F29" s="1033"/>
      <c r="G29" s="1033"/>
      <c r="H29" s="1033"/>
      <c r="I29" s="1033"/>
      <c r="J29" s="1033"/>
      <c r="K29" s="1033"/>
      <c r="L29" s="1033"/>
      <c r="M29" s="1033"/>
      <c r="N29" s="1033"/>
      <c r="O29" s="1033"/>
      <c r="P29" s="1034"/>
      <c r="Q29" s="1040">
        <v>10040</v>
      </c>
      <c r="R29" s="1041"/>
      <c r="S29" s="1041"/>
      <c r="T29" s="1041"/>
      <c r="U29" s="1041"/>
      <c r="V29" s="1041">
        <v>9674</v>
      </c>
      <c r="W29" s="1041"/>
      <c r="X29" s="1041"/>
      <c r="Y29" s="1041"/>
      <c r="Z29" s="1041"/>
      <c r="AA29" s="1041">
        <v>366</v>
      </c>
      <c r="AB29" s="1041"/>
      <c r="AC29" s="1041"/>
      <c r="AD29" s="1041"/>
      <c r="AE29" s="1042"/>
      <c r="AF29" s="1037">
        <v>366</v>
      </c>
      <c r="AG29" s="1038"/>
      <c r="AH29" s="1038"/>
      <c r="AI29" s="1038"/>
      <c r="AJ29" s="1039"/>
      <c r="AK29" s="980">
        <v>1748</v>
      </c>
      <c r="AL29" s="971"/>
      <c r="AM29" s="971"/>
      <c r="AN29" s="971"/>
      <c r="AO29" s="971"/>
      <c r="AP29" s="971" t="s">
        <v>588</v>
      </c>
      <c r="AQ29" s="971"/>
      <c r="AR29" s="971"/>
      <c r="AS29" s="971"/>
      <c r="AT29" s="971"/>
      <c r="AU29" s="971" t="s">
        <v>588</v>
      </c>
      <c r="AV29" s="971"/>
      <c r="AW29" s="971"/>
      <c r="AX29" s="971"/>
      <c r="AY29" s="971"/>
      <c r="AZ29" s="1043"/>
      <c r="BA29" s="1043"/>
      <c r="BB29" s="1043"/>
      <c r="BC29" s="1043"/>
      <c r="BD29" s="1043"/>
      <c r="BE29" s="972"/>
      <c r="BF29" s="972"/>
      <c r="BG29" s="972"/>
      <c r="BH29" s="972"/>
      <c r="BI29" s="973"/>
      <c r="BJ29" s="232"/>
      <c r="BK29" s="232"/>
      <c r="BL29" s="232"/>
      <c r="BM29" s="232"/>
      <c r="BN29" s="232"/>
      <c r="BO29" s="241"/>
      <c r="BP29" s="241"/>
      <c r="BQ29" s="238">
        <v>23</v>
      </c>
      <c r="BR29" s="239"/>
      <c r="BS29" s="994"/>
      <c r="BT29" s="995"/>
      <c r="BU29" s="995"/>
      <c r="BV29" s="995"/>
      <c r="BW29" s="995"/>
      <c r="BX29" s="995"/>
      <c r="BY29" s="995"/>
      <c r="BZ29" s="995"/>
      <c r="CA29" s="995"/>
      <c r="CB29" s="995"/>
      <c r="CC29" s="995"/>
      <c r="CD29" s="995"/>
      <c r="CE29" s="995"/>
      <c r="CF29" s="995"/>
      <c r="CG29" s="1016"/>
      <c r="CH29" s="991"/>
      <c r="CI29" s="992"/>
      <c r="CJ29" s="992"/>
      <c r="CK29" s="992"/>
      <c r="CL29" s="993"/>
      <c r="CM29" s="991"/>
      <c r="CN29" s="992"/>
      <c r="CO29" s="992"/>
      <c r="CP29" s="992"/>
      <c r="CQ29" s="993"/>
      <c r="CR29" s="991"/>
      <c r="CS29" s="992"/>
      <c r="CT29" s="992"/>
      <c r="CU29" s="992"/>
      <c r="CV29" s="993"/>
      <c r="CW29" s="991"/>
      <c r="CX29" s="992"/>
      <c r="CY29" s="992"/>
      <c r="CZ29" s="992"/>
      <c r="DA29" s="993"/>
      <c r="DB29" s="991"/>
      <c r="DC29" s="992"/>
      <c r="DD29" s="992"/>
      <c r="DE29" s="992"/>
      <c r="DF29" s="993"/>
      <c r="DG29" s="991"/>
      <c r="DH29" s="992"/>
      <c r="DI29" s="992"/>
      <c r="DJ29" s="992"/>
      <c r="DK29" s="993"/>
      <c r="DL29" s="991"/>
      <c r="DM29" s="992"/>
      <c r="DN29" s="992"/>
      <c r="DO29" s="992"/>
      <c r="DP29" s="993"/>
      <c r="DQ29" s="991"/>
      <c r="DR29" s="992"/>
      <c r="DS29" s="992"/>
      <c r="DT29" s="992"/>
      <c r="DU29" s="993"/>
      <c r="DV29" s="994"/>
      <c r="DW29" s="995"/>
      <c r="DX29" s="995"/>
      <c r="DY29" s="995"/>
      <c r="DZ29" s="996"/>
      <c r="EA29" s="230"/>
    </row>
    <row r="30" spans="1:131" ht="26.25" customHeight="1" x14ac:dyDescent="0.2">
      <c r="A30" s="242">
        <v>3</v>
      </c>
      <c r="B30" s="1032" t="s">
        <v>405</v>
      </c>
      <c r="C30" s="1033"/>
      <c r="D30" s="1033"/>
      <c r="E30" s="1033"/>
      <c r="F30" s="1033"/>
      <c r="G30" s="1033"/>
      <c r="H30" s="1033"/>
      <c r="I30" s="1033"/>
      <c r="J30" s="1033"/>
      <c r="K30" s="1033"/>
      <c r="L30" s="1033"/>
      <c r="M30" s="1033"/>
      <c r="N30" s="1033"/>
      <c r="O30" s="1033"/>
      <c r="P30" s="1034"/>
      <c r="Q30" s="1040">
        <v>2956</v>
      </c>
      <c r="R30" s="1041"/>
      <c r="S30" s="1041"/>
      <c r="T30" s="1041"/>
      <c r="U30" s="1041"/>
      <c r="V30" s="1041">
        <v>2899</v>
      </c>
      <c r="W30" s="1041"/>
      <c r="X30" s="1041"/>
      <c r="Y30" s="1041"/>
      <c r="Z30" s="1041"/>
      <c r="AA30" s="1041">
        <v>56</v>
      </c>
      <c r="AB30" s="1041"/>
      <c r="AC30" s="1041"/>
      <c r="AD30" s="1041"/>
      <c r="AE30" s="1042"/>
      <c r="AF30" s="1037">
        <v>56</v>
      </c>
      <c r="AG30" s="1038"/>
      <c r="AH30" s="1038"/>
      <c r="AI30" s="1038"/>
      <c r="AJ30" s="1039"/>
      <c r="AK30" s="980">
        <v>1435</v>
      </c>
      <c r="AL30" s="971"/>
      <c r="AM30" s="971"/>
      <c r="AN30" s="971"/>
      <c r="AO30" s="971"/>
      <c r="AP30" s="971" t="s">
        <v>588</v>
      </c>
      <c r="AQ30" s="971"/>
      <c r="AR30" s="971"/>
      <c r="AS30" s="971"/>
      <c r="AT30" s="971"/>
      <c r="AU30" s="971" t="s">
        <v>588</v>
      </c>
      <c r="AV30" s="971"/>
      <c r="AW30" s="971"/>
      <c r="AX30" s="971"/>
      <c r="AY30" s="971"/>
      <c r="AZ30" s="1043"/>
      <c r="BA30" s="1043"/>
      <c r="BB30" s="1043"/>
      <c r="BC30" s="1043"/>
      <c r="BD30" s="1043"/>
      <c r="BE30" s="972"/>
      <c r="BF30" s="972"/>
      <c r="BG30" s="972"/>
      <c r="BH30" s="972"/>
      <c r="BI30" s="973"/>
      <c r="BJ30" s="232"/>
      <c r="BK30" s="232"/>
      <c r="BL30" s="232"/>
      <c r="BM30" s="232"/>
      <c r="BN30" s="232"/>
      <c r="BO30" s="241"/>
      <c r="BP30" s="241"/>
      <c r="BQ30" s="238">
        <v>24</v>
      </c>
      <c r="BR30" s="239"/>
      <c r="BS30" s="994"/>
      <c r="BT30" s="995"/>
      <c r="BU30" s="995"/>
      <c r="BV30" s="995"/>
      <c r="BW30" s="995"/>
      <c r="BX30" s="995"/>
      <c r="BY30" s="995"/>
      <c r="BZ30" s="995"/>
      <c r="CA30" s="995"/>
      <c r="CB30" s="995"/>
      <c r="CC30" s="995"/>
      <c r="CD30" s="995"/>
      <c r="CE30" s="995"/>
      <c r="CF30" s="995"/>
      <c r="CG30" s="1016"/>
      <c r="CH30" s="991"/>
      <c r="CI30" s="992"/>
      <c r="CJ30" s="992"/>
      <c r="CK30" s="992"/>
      <c r="CL30" s="993"/>
      <c r="CM30" s="991"/>
      <c r="CN30" s="992"/>
      <c r="CO30" s="992"/>
      <c r="CP30" s="992"/>
      <c r="CQ30" s="993"/>
      <c r="CR30" s="991"/>
      <c r="CS30" s="992"/>
      <c r="CT30" s="992"/>
      <c r="CU30" s="992"/>
      <c r="CV30" s="993"/>
      <c r="CW30" s="991"/>
      <c r="CX30" s="992"/>
      <c r="CY30" s="992"/>
      <c r="CZ30" s="992"/>
      <c r="DA30" s="993"/>
      <c r="DB30" s="991"/>
      <c r="DC30" s="992"/>
      <c r="DD30" s="992"/>
      <c r="DE30" s="992"/>
      <c r="DF30" s="993"/>
      <c r="DG30" s="991"/>
      <c r="DH30" s="992"/>
      <c r="DI30" s="992"/>
      <c r="DJ30" s="992"/>
      <c r="DK30" s="993"/>
      <c r="DL30" s="991"/>
      <c r="DM30" s="992"/>
      <c r="DN30" s="992"/>
      <c r="DO30" s="992"/>
      <c r="DP30" s="993"/>
      <c r="DQ30" s="991"/>
      <c r="DR30" s="992"/>
      <c r="DS30" s="992"/>
      <c r="DT30" s="992"/>
      <c r="DU30" s="993"/>
      <c r="DV30" s="994"/>
      <c r="DW30" s="995"/>
      <c r="DX30" s="995"/>
      <c r="DY30" s="995"/>
      <c r="DZ30" s="996"/>
      <c r="EA30" s="230"/>
    </row>
    <row r="31" spans="1:131" ht="26.25" customHeight="1" x14ac:dyDescent="0.2">
      <c r="A31" s="242">
        <v>4</v>
      </c>
      <c r="B31" s="1032" t="s">
        <v>406</v>
      </c>
      <c r="C31" s="1033"/>
      <c r="D31" s="1033"/>
      <c r="E31" s="1033"/>
      <c r="F31" s="1033"/>
      <c r="G31" s="1033"/>
      <c r="H31" s="1033"/>
      <c r="I31" s="1033"/>
      <c r="J31" s="1033"/>
      <c r="K31" s="1033"/>
      <c r="L31" s="1033"/>
      <c r="M31" s="1033"/>
      <c r="N31" s="1033"/>
      <c r="O31" s="1033"/>
      <c r="P31" s="1034"/>
      <c r="Q31" s="1040">
        <v>1768</v>
      </c>
      <c r="R31" s="1041"/>
      <c r="S31" s="1041"/>
      <c r="T31" s="1041"/>
      <c r="U31" s="1041"/>
      <c r="V31" s="1041">
        <v>1473</v>
      </c>
      <c r="W31" s="1041"/>
      <c r="X31" s="1041"/>
      <c r="Y31" s="1041"/>
      <c r="Z31" s="1041"/>
      <c r="AA31" s="1041">
        <v>294</v>
      </c>
      <c r="AB31" s="1041"/>
      <c r="AC31" s="1041"/>
      <c r="AD31" s="1041"/>
      <c r="AE31" s="1042"/>
      <c r="AF31" s="1037">
        <v>3305</v>
      </c>
      <c r="AG31" s="1038"/>
      <c r="AH31" s="1038"/>
      <c r="AI31" s="1038"/>
      <c r="AJ31" s="1039"/>
      <c r="AK31" s="980">
        <v>20</v>
      </c>
      <c r="AL31" s="971"/>
      <c r="AM31" s="971"/>
      <c r="AN31" s="971"/>
      <c r="AO31" s="971"/>
      <c r="AP31" s="971" t="s">
        <v>588</v>
      </c>
      <c r="AQ31" s="971"/>
      <c r="AR31" s="971"/>
      <c r="AS31" s="971"/>
      <c r="AT31" s="971"/>
      <c r="AU31" s="971" t="s">
        <v>588</v>
      </c>
      <c r="AV31" s="971"/>
      <c r="AW31" s="971"/>
      <c r="AX31" s="971"/>
      <c r="AY31" s="971"/>
      <c r="AZ31" s="1043" t="s">
        <v>588</v>
      </c>
      <c r="BA31" s="1043"/>
      <c r="BB31" s="1043"/>
      <c r="BC31" s="1043"/>
      <c r="BD31" s="1043"/>
      <c r="BE31" s="972" t="s">
        <v>407</v>
      </c>
      <c r="BF31" s="972"/>
      <c r="BG31" s="972"/>
      <c r="BH31" s="972"/>
      <c r="BI31" s="973"/>
      <c r="BJ31" s="232"/>
      <c r="BK31" s="232"/>
      <c r="BL31" s="232"/>
      <c r="BM31" s="232"/>
      <c r="BN31" s="232"/>
      <c r="BO31" s="241"/>
      <c r="BP31" s="241"/>
      <c r="BQ31" s="238">
        <v>25</v>
      </c>
      <c r="BR31" s="239"/>
      <c r="BS31" s="994"/>
      <c r="BT31" s="995"/>
      <c r="BU31" s="995"/>
      <c r="BV31" s="995"/>
      <c r="BW31" s="995"/>
      <c r="BX31" s="995"/>
      <c r="BY31" s="995"/>
      <c r="BZ31" s="995"/>
      <c r="CA31" s="995"/>
      <c r="CB31" s="995"/>
      <c r="CC31" s="995"/>
      <c r="CD31" s="995"/>
      <c r="CE31" s="995"/>
      <c r="CF31" s="995"/>
      <c r="CG31" s="1016"/>
      <c r="CH31" s="991"/>
      <c r="CI31" s="992"/>
      <c r="CJ31" s="992"/>
      <c r="CK31" s="992"/>
      <c r="CL31" s="993"/>
      <c r="CM31" s="991"/>
      <c r="CN31" s="992"/>
      <c r="CO31" s="992"/>
      <c r="CP31" s="992"/>
      <c r="CQ31" s="993"/>
      <c r="CR31" s="991"/>
      <c r="CS31" s="992"/>
      <c r="CT31" s="992"/>
      <c r="CU31" s="992"/>
      <c r="CV31" s="993"/>
      <c r="CW31" s="991"/>
      <c r="CX31" s="992"/>
      <c r="CY31" s="992"/>
      <c r="CZ31" s="992"/>
      <c r="DA31" s="993"/>
      <c r="DB31" s="991"/>
      <c r="DC31" s="992"/>
      <c r="DD31" s="992"/>
      <c r="DE31" s="992"/>
      <c r="DF31" s="993"/>
      <c r="DG31" s="991"/>
      <c r="DH31" s="992"/>
      <c r="DI31" s="992"/>
      <c r="DJ31" s="992"/>
      <c r="DK31" s="993"/>
      <c r="DL31" s="991"/>
      <c r="DM31" s="992"/>
      <c r="DN31" s="992"/>
      <c r="DO31" s="992"/>
      <c r="DP31" s="993"/>
      <c r="DQ31" s="991"/>
      <c r="DR31" s="992"/>
      <c r="DS31" s="992"/>
      <c r="DT31" s="992"/>
      <c r="DU31" s="993"/>
      <c r="DV31" s="994"/>
      <c r="DW31" s="995"/>
      <c r="DX31" s="995"/>
      <c r="DY31" s="995"/>
      <c r="DZ31" s="996"/>
      <c r="EA31" s="230"/>
    </row>
    <row r="32" spans="1:131" ht="26.25" customHeight="1" x14ac:dyDescent="0.2">
      <c r="A32" s="242">
        <v>5</v>
      </c>
      <c r="B32" s="1032" t="s">
        <v>408</v>
      </c>
      <c r="C32" s="1033"/>
      <c r="D32" s="1033"/>
      <c r="E32" s="1033"/>
      <c r="F32" s="1033"/>
      <c r="G32" s="1033"/>
      <c r="H32" s="1033"/>
      <c r="I32" s="1033"/>
      <c r="J32" s="1033"/>
      <c r="K32" s="1033"/>
      <c r="L32" s="1033"/>
      <c r="M32" s="1033"/>
      <c r="N32" s="1033"/>
      <c r="O32" s="1033"/>
      <c r="P32" s="1034"/>
      <c r="Q32" s="1040">
        <v>2353</v>
      </c>
      <c r="R32" s="1041"/>
      <c r="S32" s="1041"/>
      <c r="T32" s="1041"/>
      <c r="U32" s="1041"/>
      <c r="V32" s="1041">
        <v>2071</v>
      </c>
      <c r="W32" s="1041"/>
      <c r="X32" s="1041"/>
      <c r="Y32" s="1041"/>
      <c r="Z32" s="1041"/>
      <c r="AA32" s="1041">
        <v>282</v>
      </c>
      <c r="AB32" s="1041"/>
      <c r="AC32" s="1041"/>
      <c r="AD32" s="1041"/>
      <c r="AE32" s="1042"/>
      <c r="AF32" s="1037">
        <v>1034</v>
      </c>
      <c r="AG32" s="1038"/>
      <c r="AH32" s="1038"/>
      <c r="AI32" s="1038"/>
      <c r="AJ32" s="1039"/>
      <c r="AK32" s="980">
        <v>695</v>
      </c>
      <c r="AL32" s="971"/>
      <c r="AM32" s="971"/>
      <c r="AN32" s="971"/>
      <c r="AO32" s="971"/>
      <c r="AP32" s="971">
        <v>3212</v>
      </c>
      <c r="AQ32" s="971"/>
      <c r="AR32" s="971"/>
      <c r="AS32" s="971"/>
      <c r="AT32" s="971"/>
      <c r="AU32" s="971">
        <v>1914</v>
      </c>
      <c r="AV32" s="971"/>
      <c r="AW32" s="971"/>
      <c r="AX32" s="971"/>
      <c r="AY32" s="971"/>
      <c r="AZ32" s="1043" t="s">
        <v>588</v>
      </c>
      <c r="BA32" s="1043"/>
      <c r="BB32" s="1043"/>
      <c r="BC32" s="1043"/>
      <c r="BD32" s="1043"/>
      <c r="BE32" s="972" t="s">
        <v>409</v>
      </c>
      <c r="BF32" s="972"/>
      <c r="BG32" s="972"/>
      <c r="BH32" s="972"/>
      <c r="BI32" s="973"/>
      <c r="BJ32" s="232"/>
      <c r="BK32" s="232"/>
      <c r="BL32" s="232"/>
      <c r="BM32" s="232"/>
      <c r="BN32" s="232"/>
      <c r="BO32" s="241"/>
      <c r="BP32" s="241"/>
      <c r="BQ32" s="238">
        <v>26</v>
      </c>
      <c r="BR32" s="239"/>
      <c r="BS32" s="994"/>
      <c r="BT32" s="995"/>
      <c r="BU32" s="995"/>
      <c r="BV32" s="995"/>
      <c r="BW32" s="995"/>
      <c r="BX32" s="995"/>
      <c r="BY32" s="995"/>
      <c r="BZ32" s="995"/>
      <c r="CA32" s="995"/>
      <c r="CB32" s="995"/>
      <c r="CC32" s="995"/>
      <c r="CD32" s="995"/>
      <c r="CE32" s="995"/>
      <c r="CF32" s="995"/>
      <c r="CG32" s="1016"/>
      <c r="CH32" s="991"/>
      <c r="CI32" s="992"/>
      <c r="CJ32" s="992"/>
      <c r="CK32" s="992"/>
      <c r="CL32" s="993"/>
      <c r="CM32" s="991"/>
      <c r="CN32" s="992"/>
      <c r="CO32" s="992"/>
      <c r="CP32" s="992"/>
      <c r="CQ32" s="993"/>
      <c r="CR32" s="991"/>
      <c r="CS32" s="992"/>
      <c r="CT32" s="992"/>
      <c r="CU32" s="992"/>
      <c r="CV32" s="993"/>
      <c r="CW32" s="991"/>
      <c r="CX32" s="992"/>
      <c r="CY32" s="992"/>
      <c r="CZ32" s="992"/>
      <c r="DA32" s="993"/>
      <c r="DB32" s="991"/>
      <c r="DC32" s="992"/>
      <c r="DD32" s="992"/>
      <c r="DE32" s="992"/>
      <c r="DF32" s="993"/>
      <c r="DG32" s="991"/>
      <c r="DH32" s="992"/>
      <c r="DI32" s="992"/>
      <c r="DJ32" s="992"/>
      <c r="DK32" s="993"/>
      <c r="DL32" s="991"/>
      <c r="DM32" s="992"/>
      <c r="DN32" s="992"/>
      <c r="DO32" s="992"/>
      <c r="DP32" s="993"/>
      <c r="DQ32" s="991"/>
      <c r="DR32" s="992"/>
      <c r="DS32" s="992"/>
      <c r="DT32" s="992"/>
      <c r="DU32" s="993"/>
      <c r="DV32" s="994"/>
      <c r="DW32" s="995"/>
      <c r="DX32" s="995"/>
      <c r="DY32" s="995"/>
      <c r="DZ32" s="996"/>
      <c r="EA32" s="230"/>
    </row>
    <row r="33" spans="1:131" ht="26.25" customHeight="1" x14ac:dyDescent="0.2">
      <c r="A33" s="242">
        <v>6</v>
      </c>
      <c r="B33" s="1032" t="s">
        <v>410</v>
      </c>
      <c r="C33" s="1033"/>
      <c r="D33" s="1033"/>
      <c r="E33" s="1033"/>
      <c r="F33" s="1033"/>
      <c r="G33" s="1033"/>
      <c r="H33" s="1033"/>
      <c r="I33" s="1033"/>
      <c r="J33" s="1033"/>
      <c r="K33" s="1033"/>
      <c r="L33" s="1033"/>
      <c r="M33" s="1033"/>
      <c r="N33" s="1033"/>
      <c r="O33" s="1033"/>
      <c r="P33" s="1034"/>
      <c r="Q33" s="1040">
        <v>539</v>
      </c>
      <c r="R33" s="1041"/>
      <c r="S33" s="1041"/>
      <c r="T33" s="1041"/>
      <c r="U33" s="1041"/>
      <c r="V33" s="1041">
        <v>401</v>
      </c>
      <c r="W33" s="1041"/>
      <c r="X33" s="1041"/>
      <c r="Y33" s="1041"/>
      <c r="Z33" s="1041"/>
      <c r="AA33" s="1041">
        <v>137</v>
      </c>
      <c r="AB33" s="1041"/>
      <c r="AC33" s="1041"/>
      <c r="AD33" s="1041"/>
      <c r="AE33" s="1042"/>
      <c r="AF33" s="1037">
        <v>49</v>
      </c>
      <c r="AG33" s="1038"/>
      <c r="AH33" s="1038"/>
      <c r="AI33" s="1038"/>
      <c r="AJ33" s="1039"/>
      <c r="AK33" s="980">
        <v>470</v>
      </c>
      <c r="AL33" s="971"/>
      <c r="AM33" s="971"/>
      <c r="AN33" s="971"/>
      <c r="AO33" s="971"/>
      <c r="AP33" s="971" t="s">
        <v>588</v>
      </c>
      <c r="AQ33" s="971"/>
      <c r="AR33" s="971"/>
      <c r="AS33" s="971"/>
      <c r="AT33" s="971"/>
      <c r="AU33" s="971" t="s">
        <v>588</v>
      </c>
      <c r="AV33" s="971"/>
      <c r="AW33" s="971"/>
      <c r="AX33" s="971"/>
      <c r="AY33" s="971"/>
      <c r="AZ33" s="1043" t="s">
        <v>588</v>
      </c>
      <c r="BA33" s="1043"/>
      <c r="BB33" s="1043"/>
      <c r="BC33" s="1043"/>
      <c r="BD33" s="1043"/>
      <c r="BE33" s="972" t="s">
        <v>411</v>
      </c>
      <c r="BF33" s="972"/>
      <c r="BG33" s="972"/>
      <c r="BH33" s="972"/>
      <c r="BI33" s="973"/>
      <c r="BJ33" s="232"/>
      <c r="BK33" s="232"/>
      <c r="BL33" s="232"/>
      <c r="BM33" s="232"/>
      <c r="BN33" s="232"/>
      <c r="BO33" s="241"/>
      <c r="BP33" s="241"/>
      <c r="BQ33" s="238">
        <v>27</v>
      </c>
      <c r="BR33" s="239"/>
      <c r="BS33" s="994"/>
      <c r="BT33" s="995"/>
      <c r="BU33" s="995"/>
      <c r="BV33" s="995"/>
      <c r="BW33" s="995"/>
      <c r="BX33" s="995"/>
      <c r="BY33" s="995"/>
      <c r="BZ33" s="995"/>
      <c r="CA33" s="995"/>
      <c r="CB33" s="995"/>
      <c r="CC33" s="995"/>
      <c r="CD33" s="995"/>
      <c r="CE33" s="995"/>
      <c r="CF33" s="995"/>
      <c r="CG33" s="1016"/>
      <c r="CH33" s="991"/>
      <c r="CI33" s="992"/>
      <c r="CJ33" s="992"/>
      <c r="CK33" s="992"/>
      <c r="CL33" s="993"/>
      <c r="CM33" s="991"/>
      <c r="CN33" s="992"/>
      <c r="CO33" s="992"/>
      <c r="CP33" s="992"/>
      <c r="CQ33" s="993"/>
      <c r="CR33" s="991"/>
      <c r="CS33" s="992"/>
      <c r="CT33" s="992"/>
      <c r="CU33" s="992"/>
      <c r="CV33" s="993"/>
      <c r="CW33" s="991"/>
      <c r="CX33" s="992"/>
      <c r="CY33" s="992"/>
      <c r="CZ33" s="992"/>
      <c r="DA33" s="993"/>
      <c r="DB33" s="991"/>
      <c r="DC33" s="992"/>
      <c r="DD33" s="992"/>
      <c r="DE33" s="992"/>
      <c r="DF33" s="993"/>
      <c r="DG33" s="991"/>
      <c r="DH33" s="992"/>
      <c r="DI33" s="992"/>
      <c r="DJ33" s="992"/>
      <c r="DK33" s="993"/>
      <c r="DL33" s="991"/>
      <c r="DM33" s="992"/>
      <c r="DN33" s="992"/>
      <c r="DO33" s="992"/>
      <c r="DP33" s="993"/>
      <c r="DQ33" s="991"/>
      <c r="DR33" s="992"/>
      <c r="DS33" s="992"/>
      <c r="DT33" s="992"/>
      <c r="DU33" s="993"/>
      <c r="DV33" s="994"/>
      <c r="DW33" s="995"/>
      <c r="DX33" s="995"/>
      <c r="DY33" s="995"/>
      <c r="DZ33" s="996"/>
      <c r="EA33" s="230"/>
    </row>
    <row r="34" spans="1:131" ht="26.25" customHeight="1" x14ac:dyDescent="0.2">
      <c r="A34" s="242">
        <v>7</v>
      </c>
      <c r="B34" s="1032"/>
      <c r="C34" s="1033"/>
      <c r="D34" s="1033"/>
      <c r="E34" s="1033"/>
      <c r="F34" s="1033"/>
      <c r="G34" s="1033"/>
      <c r="H34" s="1033"/>
      <c r="I34" s="1033"/>
      <c r="J34" s="1033"/>
      <c r="K34" s="1033"/>
      <c r="L34" s="1033"/>
      <c r="M34" s="1033"/>
      <c r="N34" s="1033"/>
      <c r="O34" s="1033"/>
      <c r="P34" s="1034"/>
      <c r="Q34" s="1040"/>
      <c r="R34" s="1041"/>
      <c r="S34" s="1041"/>
      <c r="T34" s="1041"/>
      <c r="U34" s="1041"/>
      <c r="V34" s="1041"/>
      <c r="W34" s="1041"/>
      <c r="X34" s="1041"/>
      <c r="Y34" s="1041"/>
      <c r="Z34" s="1041"/>
      <c r="AA34" s="1041"/>
      <c r="AB34" s="1041"/>
      <c r="AC34" s="1041"/>
      <c r="AD34" s="1041"/>
      <c r="AE34" s="1042"/>
      <c r="AF34" s="1037"/>
      <c r="AG34" s="1038"/>
      <c r="AH34" s="1038"/>
      <c r="AI34" s="1038"/>
      <c r="AJ34" s="1039"/>
      <c r="AK34" s="980"/>
      <c r="AL34" s="971"/>
      <c r="AM34" s="971"/>
      <c r="AN34" s="971"/>
      <c r="AO34" s="971"/>
      <c r="AP34" s="971"/>
      <c r="AQ34" s="971"/>
      <c r="AR34" s="971"/>
      <c r="AS34" s="971"/>
      <c r="AT34" s="971"/>
      <c r="AU34" s="971"/>
      <c r="AV34" s="971"/>
      <c r="AW34" s="971"/>
      <c r="AX34" s="971"/>
      <c r="AY34" s="971"/>
      <c r="AZ34" s="1043"/>
      <c r="BA34" s="1043"/>
      <c r="BB34" s="1043"/>
      <c r="BC34" s="1043"/>
      <c r="BD34" s="1043"/>
      <c r="BE34" s="972"/>
      <c r="BF34" s="972"/>
      <c r="BG34" s="972"/>
      <c r="BH34" s="972"/>
      <c r="BI34" s="973"/>
      <c r="BJ34" s="232"/>
      <c r="BK34" s="232"/>
      <c r="BL34" s="232"/>
      <c r="BM34" s="232"/>
      <c r="BN34" s="232"/>
      <c r="BO34" s="241"/>
      <c r="BP34" s="241"/>
      <c r="BQ34" s="238">
        <v>28</v>
      </c>
      <c r="BR34" s="239"/>
      <c r="BS34" s="994"/>
      <c r="BT34" s="995"/>
      <c r="BU34" s="995"/>
      <c r="BV34" s="995"/>
      <c r="BW34" s="995"/>
      <c r="BX34" s="995"/>
      <c r="BY34" s="995"/>
      <c r="BZ34" s="995"/>
      <c r="CA34" s="995"/>
      <c r="CB34" s="995"/>
      <c r="CC34" s="995"/>
      <c r="CD34" s="995"/>
      <c r="CE34" s="995"/>
      <c r="CF34" s="995"/>
      <c r="CG34" s="1016"/>
      <c r="CH34" s="991"/>
      <c r="CI34" s="992"/>
      <c r="CJ34" s="992"/>
      <c r="CK34" s="992"/>
      <c r="CL34" s="993"/>
      <c r="CM34" s="991"/>
      <c r="CN34" s="992"/>
      <c r="CO34" s="992"/>
      <c r="CP34" s="992"/>
      <c r="CQ34" s="993"/>
      <c r="CR34" s="991"/>
      <c r="CS34" s="992"/>
      <c r="CT34" s="992"/>
      <c r="CU34" s="992"/>
      <c r="CV34" s="993"/>
      <c r="CW34" s="991"/>
      <c r="CX34" s="992"/>
      <c r="CY34" s="992"/>
      <c r="CZ34" s="992"/>
      <c r="DA34" s="993"/>
      <c r="DB34" s="991"/>
      <c r="DC34" s="992"/>
      <c r="DD34" s="992"/>
      <c r="DE34" s="992"/>
      <c r="DF34" s="993"/>
      <c r="DG34" s="991"/>
      <c r="DH34" s="992"/>
      <c r="DI34" s="992"/>
      <c r="DJ34" s="992"/>
      <c r="DK34" s="993"/>
      <c r="DL34" s="991"/>
      <c r="DM34" s="992"/>
      <c r="DN34" s="992"/>
      <c r="DO34" s="992"/>
      <c r="DP34" s="993"/>
      <c r="DQ34" s="991"/>
      <c r="DR34" s="992"/>
      <c r="DS34" s="992"/>
      <c r="DT34" s="992"/>
      <c r="DU34" s="993"/>
      <c r="DV34" s="994"/>
      <c r="DW34" s="995"/>
      <c r="DX34" s="995"/>
      <c r="DY34" s="995"/>
      <c r="DZ34" s="996"/>
      <c r="EA34" s="230"/>
    </row>
    <row r="35" spans="1:131" ht="26.25" customHeight="1" x14ac:dyDescent="0.2">
      <c r="A35" s="242">
        <v>8</v>
      </c>
      <c r="B35" s="1032"/>
      <c r="C35" s="1033"/>
      <c r="D35" s="1033"/>
      <c r="E35" s="1033"/>
      <c r="F35" s="1033"/>
      <c r="G35" s="1033"/>
      <c r="H35" s="1033"/>
      <c r="I35" s="1033"/>
      <c r="J35" s="1033"/>
      <c r="K35" s="1033"/>
      <c r="L35" s="1033"/>
      <c r="M35" s="1033"/>
      <c r="N35" s="1033"/>
      <c r="O35" s="1033"/>
      <c r="P35" s="1034"/>
      <c r="Q35" s="1040"/>
      <c r="R35" s="1041"/>
      <c r="S35" s="1041"/>
      <c r="T35" s="1041"/>
      <c r="U35" s="1041"/>
      <c r="V35" s="1041"/>
      <c r="W35" s="1041"/>
      <c r="X35" s="1041"/>
      <c r="Y35" s="1041"/>
      <c r="Z35" s="1041"/>
      <c r="AA35" s="1041"/>
      <c r="AB35" s="1041"/>
      <c r="AC35" s="1041"/>
      <c r="AD35" s="1041"/>
      <c r="AE35" s="1042"/>
      <c r="AF35" s="1037"/>
      <c r="AG35" s="1038"/>
      <c r="AH35" s="1038"/>
      <c r="AI35" s="1038"/>
      <c r="AJ35" s="1039"/>
      <c r="AK35" s="980"/>
      <c r="AL35" s="971"/>
      <c r="AM35" s="971"/>
      <c r="AN35" s="971"/>
      <c r="AO35" s="971"/>
      <c r="AP35" s="971"/>
      <c r="AQ35" s="971"/>
      <c r="AR35" s="971"/>
      <c r="AS35" s="971"/>
      <c r="AT35" s="971"/>
      <c r="AU35" s="971"/>
      <c r="AV35" s="971"/>
      <c r="AW35" s="971"/>
      <c r="AX35" s="971"/>
      <c r="AY35" s="971"/>
      <c r="AZ35" s="1043"/>
      <c r="BA35" s="1043"/>
      <c r="BB35" s="1043"/>
      <c r="BC35" s="1043"/>
      <c r="BD35" s="1043"/>
      <c r="BE35" s="972"/>
      <c r="BF35" s="972"/>
      <c r="BG35" s="972"/>
      <c r="BH35" s="972"/>
      <c r="BI35" s="973"/>
      <c r="BJ35" s="232"/>
      <c r="BK35" s="232"/>
      <c r="BL35" s="232"/>
      <c r="BM35" s="232"/>
      <c r="BN35" s="232"/>
      <c r="BO35" s="241"/>
      <c r="BP35" s="241"/>
      <c r="BQ35" s="238">
        <v>29</v>
      </c>
      <c r="BR35" s="239"/>
      <c r="BS35" s="994"/>
      <c r="BT35" s="995"/>
      <c r="BU35" s="995"/>
      <c r="BV35" s="995"/>
      <c r="BW35" s="995"/>
      <c r="BX35" s="995"/>
      <c r="BY35" s="995"/>
      <c r="BZ35" s="995"/>
      <c r="CA35" s="995"/>
      <c r="CB35" s="995"/>
      <c r="CC35" s="995"/>
      <c r="CD35" s="995"/>
      <c r="CE35" s="995"/>
      <c r="CF35" s="995"/>
      <c r="CG35" s="1016"/>
      <c r="CH35" s="991"/>
      <c r="CI35" s="992"/>
      <c r="CJ35" s="992"/>
      <c r="CK35" s="992"/>
      <c r="CL35" s="993"/>
      <c r="CM35" s="991"/>
      <c r="CN35" s="992"/>
      <c r="CO35" s="992"/>
      <c r="CP35" s="992"/>
      <c r="CQ35" s="993"/>
      <c r="CR35" s="991"/>
      <c r="CS35" s="992"/>
      <c r="CT35" s="992"/>
      <c r="CU35" s="992"/>
      <c r="CV35" s="993"/>
      <c r="CW35" s="991"/>
      <c r="CX35" s="992"/>
      <c r="CY35" s="992"/>
      <c r="CZ35" s="992"/>
      <c r="DA35" s="993"/>
      <c r="DB35" s="991"/>
      <c r="DC35" s="992"/>
      <c r="DD35" s="992"/>
      <c r="DE35" s="992"/>
      <c r="DF35" s="993"/>
      <c r="DG35" s="991"/>
      <c r="DH35" s="992"/>
      <c r="DI35" s="992"/>
      <c r="DJ35" s="992"/>
      <c r="DK35" s="993"/>
      <c r="DL35" s="991"/>
      <c r="DM35" s="992"/>
      <c r="DN35" s="992"/>
      <c r="DO35" s="992"/>
      <c r="DP35" s="993"/>
      <c r="DQ35" s="991"/>
      <c r="DR35" s="992"/>
      <c r="DS35" s="992"/>
      <c r="DT35" s="992"/>
      <c r="DU35" s="993"/>
      <c r="DV35" s="994"/>
      <c r="DW35" s="995"/>
      <c r="DX35" s="995"/>
      <c r="DY35" s="995"/>
      <c r="DZ35" s="996"/>
      <c r="EA35" s="230"/>
    </row>
    <row r="36" spans="1:131" ht="26.25" customHeight="1" x14ac:dyDescent="0.2">
      <c r="A36" s="242">
        <v>9</v>
      </c>
      <c r="B36" s="1032"/>
      <c r="C36" s="1033"/>
      <c r="D36" s="1033"/>
      <c r="E36" s="1033"/>
      <c r="F36" s="1033"/>
      <c r="G36" s="1033"/>
      <c r="H36" s="1033"/>
      <c r="I36" s="1033"/>
      <c r="J36" s="1033"/>
      <c r="K36" s="1033"/>
      <c r="L36" s="1033"/>
      <c r="M36" s="1033"/>
      <c r="N36" s="1033"/>
      <c r="O36" s="1033"/>
      <c r="P36" s="1034"/>
      <c r="Q36" s="1040"/>
      <c r="R36" s="1041"/>
      <c r="S36" s="1041"/>
      <c r="T36" s="1041"/>
      <c r="U36" s="1041"/>
      <c r="V36" s="1041"/>
      <c r="W36" s="1041"/>
      <c r="X36" s="1041"/>
      <c r="Y36" s="1041"/>
      <c r="Z36" s="1041"/>
      <c r="AA36" s="1041"/>
      <c r="AB36" s="1041"/>
      <c r="AC36" s="1041"/>
      <c r="AD36" s="1041"/>
      <c r="AE36" s="1042"/>
      <c r="AF36" s="1037"/>
      <c r="AG36" s="1038"/>
      <c r="AH36" s="1038"/>
      <c r="AI36" s="1038"/>
      <c r="AJ36" s="1039"/>
      <c r="AK36" s="980"/>
      <c r="AL36" s="971"/>
      <c r="AM36" s="971"/>
      <c r="AN36" s="971"/>
      <c r="AO36" s="971"/>
      <c r="AP36" s="971"/>
      <c r="AQ36" s="971"/>
      <c r="AR36" s="971"/>
      <c r="AS36" s="971"/>
      <c r="AT36" s="971"/>
      <c r="AU36" s="971"/>
      <c r="AV36" s="971"/>
      <c r="AW36" s="971"/>
      <c r="AX36" s="971"/>
      <c r="AY36" s="971"/>
      <c r="AZ36" s="1043"/>
      <c r="BA36" s="1043"/>
      <c r="BB36" s="1043"/>
      <c r="BC36" s="1043"/>
      <c r="BD36" s="1043"/>
      <c r="BE36" s="972"/>
      <c r="BF36" s="972"/>
      <c r="BG36" s="972"/>
      <c r="BH36" s="972"/>
      <c r="BI36" s="973"/>
      <c r="BJ36" s="232"/>
      <c r="BK36" s="232"/>
      <c r="BL36" s="232"/>
      <c r="BM36" s="232"/>
      <c r="BN36" s="232"/>
      <c r="BO36" s="241"/>
      <c r="BP36" s="241"/>
      <c r="BQ36" s="238">
        <v>30</v>
      </c>
      <c r="BR36" s="239"/>
      <c r="BS36" s="994"/>
      <c r="BT36" s="995"/>
      <c r="BU36" s="995"/>
      <c r="BV36" s="995"/>
      <c r="BW36" s="995"/>
      <c r="BX36" s="995"/>
      <c r="BY36" s="995"/>
      <c r="BZ36" s="995"/>
      <c r="CA36" s="995"/>
      <c r="CB36" s="995"/>
      <c r="CC36" s="995"/>
      <c r="CD36" s="995"/>
      <c r="CE36" s="995"/>
      <c r="CF36" s="995"/>
      <c r="CG36" s="1016"/>
      <c r="CH36" s="991"/>
      <c r="CI36" s="992"/>
      <c r="CJ36" s="992"/>
      <c r="CK36" s="992"/>
      <c r="CL36" s="993"/>
      <c r="CM36" s="991"/>
      <c r="CN36" s="992"/>
      <c r="CO36" s="992"/>
      <c r="CP36" s="992"/>
      <c r="CQ36" s="993"/>
      <c r="CR36" s="991"/>
      <c r="CS36" s="992"/>
      <c r="CT36" s="992"/>
      <c r="CU36" s="992"/>
      <c r="CV36" s="993"/>
      <c r="CW36" s="991"/>
      <c r="CX36" s="992"/>
      <c r="CY36" s="992"/>
      <c r="CZ36" s="992"/>
      <c r="DA36" s="993"/>
      <c r="DB36" s="991"/>
      <c r="DC36" s="992"/>
      <c r="DD36" s="992"/>
      <c r="DE36" s="992"/>
      <c r="DF36" s="993"/>
      <c r="DG36" s="991"/>
      <c r="DH36" s="992"/>
      <c r="DI36" s="992"/>
      <c r="DJ36" s="992"/>
      <c r="DK36" s="993"/>
      <c r="DL36" s="991"/>
      <c r="DM36" s="992"/>
      <c r="DN36" s="992"/>
      <c r="DO36" s="992"/>
      <c r="DP36" s="993"/>
      <c r="DQ36" s="991"/>
      <c r="DR36" s="992"/>
      <c r="DS36" s="992"/>
      <c r="DT36" s="992"/>
      <c r="DU36" s="993"/>
      <c r="DV36" s="994"/>
      <c r="DW36" s="995"/>
      <c r="DX36" s="995"/>
      <c r="DY36" s="995"/>
      <c r="DZ36" s="996"/>
      <c r="EA36" s="230"/>
    </row>
    <row r="37" spans="1:131" ht="26.25" customHeight="1" x14ac:dyDescent="0.2">
      <c r="A37" s="242">
        <v>10</v>
      </c>
      <c r="B37" s="1032"/>
      <c r="C37" s="1033"/>
      <c r="D37" s="1033"/>
      <c r="E37" s="1033"/>
      <c r="F37" s="1033"/>
      <c r="G37" s="1033"/>
      <c r="H37" s="1033"/>
      <c r="I37" s="1033"/>
      <c r="J37" s="1033"/>
      <c r="K37" s="1033"/>
      <c r="L37" s="1033"/>
      <c r="M37" s="1033"/>
      <c r="N37" s="1033"/>
      <c r="O37" s="1033"/>
      <c r="P37" s="1034"/>
      <c r="Q37" s="1040"/>
      <c r="R37" s="1041"/>
      <c r="S37" s="1041"/>
      <c r="T37" s="1041"/>
      <c r="U37" s="1041"/>
      <c r="V37" s="1041"/>
      <c r="W37" s="1041"/>
      <c r="X37" s="1041"/>
      <c r="Y37" s="1041"/>
      <c r="Z37" s="1041"/>
      <c r="AA37" s="1041"/>
      <c r="AB37" s="1041"/>
      <c r="AC37" s="1041"/>
      <c r="AD37" s="1041"/>
      <c r="AE37" s="1042"/>
      <c r="AF37" s="1037"/>
      <c r="AG37" s="1038"/>
      <c r="AH37" s="1038"/>
      <c r="AI37" s="1038"/>
      <c r="AJ37" s="1039"/>
      <c r="AK37" s="980"/>
      <c r="AL37" s="971"/>
      <c r="AM37" s="971"/>
      <c r="AN37" s="971"/>
      <c r="AO37" s="971"/>
      <c r="AP37" s="971"/>
      <c r="AQ37" s="971"/>
      <c r="AR37" s="971"/>
      <c r="AS37" s="971"/>
      <c r="AT37" s="971"/>
      <c r="AU37" s="971"/>
      <c r="AV37" s="971"/>
      <c r="AW37" s="971"/>
      <c r="AX37" s="971"/>
      <c r="AY37" s="971"/>
      <c r="AZ37" s="1043"/>
      <c r="BA37" s="1043"/>
      <c r="BB37" s="1043"/>
      <c r="BC37" s="1043"/>
      <c r="BD37" s="1043"/>
      <c r="BE37" s="972"/>
      <c r="BF37" s="972"/>
      <c r="BG37" s="972"/>
      <c r="BH37" s="972"/>
      <c r="BI37" s="973"/>
      <c r="BJ37" s="232"/>
      <c r="BK37" s="232"/>
      <c r="BL37" s="232"/>
      <c r="BM37" s="232"/>
      <c r="BN37" s="232"/>
      <c r="BO37" s="241"/>
      <c r="BP37" s="241"/>
      <c r="BQ37" s="238">
        <v>31</v>
      </c>
      <c r="BR37" s="239"/>
      <c r="BS37" s="994"/>
      <c r="BT37" s="995"/>
      <c r="BU37" s="995"/>
      <c r="BV37" s="995"/>
      <c r="BW37" s="995"/>
      <c r="BX37" s="995"/>
      <c r="BY37" s="995"/>
      <c r="BZ37" s="995"/>
      <c r="CA37" s="995"/>
      <c r="CB37" s="995"/>
      <c r="CC37" s="995"/>
      <c r="CD37" s="995"/>
      <c r="CE37" s="995"/>
      <c r="CF37" s="995"/>
      <c r="CG37" s="1016"/>
      <c r="CH37" s="991"/>
      <c r="CI37" s="992"/>
      <c r="CJ37" s="992"/>
      <c r="CK37" s="992"/>
      <c r="CL37" s="993"/>
      <c r="CM37" s="991"/>
      <c r="CN37" s="992"/>
      <c r="CO37" s="992"/>
      <c r="CP37" s="992"/>
      <c r="CQ37" s="993"/>
      <c r="CR37" s="991"/>
      <c r="CS37" s="992"/>
      <c r="CT37" s="992"/>
      <c r="CU37" s="992"/>
      <c r="CV37" s="993"/>
      <c r="CW37" s="991"/>
      <c r="CX37" s="992"/>
      <c r="CY37" s="992"/>
      <c r="CZ37" s="992"/>
      <c r="DA37" s="993"/>
      <c r="DB37" s="991"/>
      <c r="DC37" s="992"/>
      <c r="DD37" s="992"/>
      <c r="DE37" s="992"/>
      <c r="DF37" s="993"/>
      <c r="DG37" s="991"/>
      <c r="DH37" s="992"/>
      <c r="DI37" s="992"/>
      <c r="DJ37" s="992"/>
      <c r="DK37" s="993"/>
      <c r="DL37" s="991"/>
      <c r="DM37" s="992"/>
      <c r="DN37" s="992"/>
      <c r="DO37" s="992"/>
      <c r="DP37" s="993"/>
      <c r="DQ37" s="991"/>
      <c r="DR37" s="992"/>
      <c r="DS37" s="992"/>
      <c r="DT37" s="992"/>
      <c r="DU37" s="993"/>
      <c r="DV37" s="994"/>
      <c r="DW37" s="995"/>
      <c r="DX37" s="995"/>
      <c r="DY37" s="995"/>
      <c r="DZ37" s="996"/>
      <c r="EA37" s="230"/>
    </row>
    <row r="38" spans="1:131" ht="26.25" customHeight="1" x14ac:dyDescent="0.2">
      <c r="A38" s="242">
        <v>11</v>
      </c>
      <c r="B38" s="1032"/>
      <c r="C38" s="1033"/>
      <c r="D38" s="1033"/>
      <c r="E38" s="1033"/>
      <c r="F38" s="1033"/>
      <c r="G38" s="1033"/>
      <c r="H38" s="1033"/>
      <c r="I38" s="1033"/>
      <c r="J38" s="1033"/>
      <c r="K38" s="1033"/>
      <c r="L38" s="1033"/>
      <c r="M38" s="1033"/>
      <c r="N38" s="1033"/>
      <c r="O38" s="1033"/>
      <c r="P38" s="1034"/>
      <c r="Q38" s="1040"/>
      <c r="R38" s="1041"/>
      <c r="S38" s="1041"/>
      <c r="T38" s="1041"/>
      <c r="U38" s="1041"/>
      <c r="V38" s="1041"/>
      <c r="W38" s="1041"/>
      <c r="X38" s="1041"/>
      <c r="Y38" s="1041"/>
      <c r="Z38" s="1041"/>
      <c r="AA38" s="1041"/>
      <c r="AB38" s="1041"/>
      <c r="AC38" s="1041"/>
      <c r="AD38" s="1041"/>
      <c r="AE38" s="1042"/>
      <c r="AF38" s="1037"/>
      <c r="AG38" s="1038"/>
      <c r="AH38" s="1038"/>
      <c r="AI38" s="1038"/>
      <c r="AJ38" s="1039"/>
      <c r="AK38" s="980"/>
      <c r="AL38" s="971"/>
      <c r="AM38" s="971"/>
      <c r="AN38" s="971"/>
      <c r="AO38" s="971"/>
      <c r="AP38" s="971"/>
      <c r="AQ38" s="971"/>
      <c r="AR38" s="971"/>
      <c r="AS38" s="971"/>
      <c r="AT38" s="971"/>
      <c r="AU38" s="971"/>
      <c r="AV38" s="971"/>
      <c r="AW38" s="971"/>
      <c r="AX38" s="971"/>
      <c r="AY38" s="971"/>
      <c r="AZ38" s="1043"/>
      <c r="BA38" s="1043"/>
      <c r="BB38" s="1043"/>
      <c r="BC38" s="1043"/>
      <c r="BD38" s="1043"/>
      <c r="BE38" s="972"/>
      <c r="BF38" s="972"/>
      <c r="BG38" s="972"/>
      <c r="BH38" s="972"/>
      <c r="BI38" s="973"/>
      <c r="BJ38" s="232"/>
      <c r="BK38" s="232"/>
      <c r="BL38" s="232"/>
      <c r="BM38" s="232"/>
      <c r="BN38" s="232"/>
      <c r="BO38" s="241"/>
      <c r="BP38" s="241"/>
      <c r="BQ38" s="238">
        <v>32</v>
      </c>
      <c r="BR38" s="239"/>
      <c r="BS38" s="994"/>
      <c r="BT38" s="995"/>
      <c r="BU38" s="995"/>
      <c r="BV38" s="995"/>
      <c r="BW38" s="995"/>
      <c r="BX38" s="995"/>
      <c r="BY38" s="995"/>
      <c r="BZ38" s="995"/>
      <c r="CA38" s="995"/>
      <c r="CB38" s="995"/>
      <c r="CC38" s="995"/>
      <c r="CD38" s="995"/>
      <c r="CE38" s="995"/>
      <c r="CF38" s="995"/>
      <c r="CG38" s="1016"/>
      <c r="CH38" s="991"/>
      <c r="CI38" s="992"/>
      <c r="CJ38" s="992"/>
      <c r="CK38" s="992"/>
      <c r="CL38" s="993"/>
      <c r="CM38" s="991"/>
      <c r="CN38" s="992"/>
      <c r="CO38" s="992"/>
      <c r="CP38" s="992"/>
      <c r="CQ38" s="993"/>
      <c r="CR38" s="991"/>
      <c r="CS38" s="992"/>
      <c r="CT38" s="992"/>
      <c r="CU38" s="992"/>
      <c r="CV38" s="993"/>
      <c r="CW38" s="991"/>
      <c r="CX38" s="992"/>
      <c r="CY38" s="992"/>
      <c r="CZ38" s="992"/>
      <c r="DA38" s="993"/>
      <c r="DB38" s="991"/>
      <c r="DC38" s="992"/>
      <c r="DD38" s="992"/>
      <c r="DE38" s="992"/>
      <c r="DF38" s="993"/>
      <c r="DG38" s="991"/>
      <c r="DH38" s="992"/>
      <c r="DI38" s="992"/>
      <c r="DJ38" s="992"/>
      <c r="DK38" s="993"/>
      <c r="DL38" s="991"/>
      <c r="DM38" s="992"/>
      <c r="DN38" s="992"/>
      <c r="DO38" s="992"/>
      <c r="DP38" s="993"/>
      <c r="DQ38" s="991"/>
      <c r="DR38" s="992"/>
      <c r="DS38" s="992"/>
      <c r="DT38" s="992"/>
      <c r="DU38" s="993"/>
      <c r="DV38" s="994"/>
      <c r="DW38" s="995"/>
      <c r="DX38" s="995"/>
      <c r="DY38" s="995"/>
      <c r="DZ38" s="996"/>
      <c r="EA38" s="230"/>
    </row>
    <row r="39" spans="1:131" ht="26.25" customHeight="1" x14ac:dyDescent="0.2">
      <c r="A39" s="242">
        <v>12</v>
      </c>
      <c r="B39" s="1032"/>
      <c r="C39" s="1033"/>
      <c r="D39" s="1033"/>
      <c r="E39" s="1033"/>
      <c r="F39" s="1033"/>
      <c r="G39" s="1033"/>
      <c r="H39" s="1033"/>
      <c r="I39" s="1033"/>
      <c r="J39" s="1033"/>
      <c r="K39" s="1033"/>
      <c r="L39" s="1033"/>
      <c r="M39" s="1033"/>
      <c r="N39" s="1033"/>
      <c r="O39" s="1033"/>
      <c r="P39" s="1034"/>
      <c r="Q39" s="1040"/>
      <c r="R39" s="1041"/>
      <c r="S39" s="1041"/>
      <c r="T39" s="1041"/>
      <c r="U39" s="1041"/>
      <c r="V39" s="1041"/>
      <c r="W39" s="1041"/>
      <c r="X39" s="1041"/>
      <c r="Y39" s="1041"/>
      <c r="Z39" s="1041"/>
      <c r="AA39" s="1041"/>
      <c r="AB39" s="1041"/>
      <c r="AC39" s="1041"/>
      <c r="AD39" s="1041"/>
      <c r="AE39" s="1042"/>
      <c r="AF39" s="1037"/>
      <c r="AG39" s="1038"/>
      <c r="AH39" s="1038"/>
      <c r="AI39" s="1038"/>
      <c r="AJ39" s="1039"/>
      <c r="AK39" s="980"/>
      <c r="AL39" s="971"/>
      <c r="AM39" s="971"/>
      <c r="AN39" s="971"/>
      <c r="AO39" s="971"/>
      <c r="AP39" s="971"/>
      <c r="AQ39" s="971"/>
      <c r="AR39" s="971"/>
      <c r="AS39" s="971"/>
      <c r="AT39" s="971"/>
      <c r="AU39" s="971"/>
      <c r="AV39" s="971"/>
      <c r="AW39" s="971"/>
      <c r="AX39" s="971"/>
      <c r="AY39" s="971"/>
      <c r="AZ39" s="1043"/>
      <c r="BA39" s="1043"/>
      <c r="BB39" s="1043"/>
      <c r="BC39" s="1043"/>
      <c r="BD39" s="1043"/>
      <c r="BE39" s="972"/>
      <c r="BF39" s="972"/>
      <c r="BG39" s="972"/>
      <c r="BH39" s="972"/>
      <c r="BI39" s="973"/>
      <c r="BJ39" s="232"/>
      <c r="BK39" s="232"/>
      <c r="BL39" s="232"/>
      <c r="BM39" s="232"/>
      <c r="BN39" s="232"/>
      <c r="BO39" s="241"/>
      <c r="BP39" s="241"/>
      <c r="BQ39" s="238">
        <v>33</v>
      </c>
      <c r="BR39" s="239"/>
      <c r="BS39" s="994"/>
      <c r="BT39" s="995"/>
      <c r="BU39" s="995"/>
      <c r="BV39" s="995"/>
      <c r="BW39" s="995"/>
      <c r="BX39" s="995"/>
      <c r="BY39" s="995"/>
      <c r="BZ39" s="995"/>
      <c r="CA39" s="995"/>
      <c r="CB39" s="995"/>
      <c r="CC39" s="995"/>
      <c r="CD39" s="995"/>
      <c r="CE39" s="995"/>
      <c r="CF39" s="995"/>
      <c r="CG39" s="1016"/>
      <c r="CH39" s="991"/>
      <c r="CI39" s="992"/>
      <c r="CJ39" s="992"/>
      <c r="CK39" s="992"/>
      <c r="CL39" s="993"/>
      <c r="CM39" s="991"/>
      <c r="CN39" s="992"/>
      <c r="CO39" s="992"/>
      <c r="CP39" s="992"/>
      <c r="CQ39" s="993"/>
      <c r="CR39" s="991"/>
      <c r="CS39" s="992"/>
      <c r="CT39" s="992"/>
      <c r="CU39" s="992"/>
      <c r="CV39" s="993"/>
      <c r="CW39" s="991"/>
      <c r="CX39" s="992"/>
      <c r="CY39" s="992"/>
      <c r="CZ39" s="992"/>
      <c r="DA39" s="993"/>
      <c r="DB39" s="991"/>
      <c r="DC39" s="992"/>
      <c r="DD39" s="992"/>
      <c r="DE39" s="992"/>
      <c r="DF39" s="993"/>
      <c r="DG39" s="991"/>
      <c r="DH39" s="992"/>
      <c r="DI39" s="992"/>
      <c r="DJ39" s="992"/>
      <c r="DK39" s="993"/>
      <c r="DL39" s="991"/>
      <c r="DM39" s="992"/>
      <c r="DN39" s="992"/>
      <c r="DO39" s="992"/>
      <c r="DP39" s="993"/>
      <c r="DQ39" s="991"/>
      <c r="DR39" s="992"/>
      <c r="DS39" s="992"/>
      <c r="DT39" s="992"/>
      <c r="DU39" s="993"/>
      <c r="DV39" s="994"/>
      <c r="DW39" s="995"/>
      <c r="DX39" s="995"/>
      <c r="DY39" s="995"/>
      <c r="DZ39" s="996"/>
      <c r="EA39" s="230"/>
    </row>
    <row r="40" spans="1:131" ht="26.25" customHeight="1" x14ac:dyDescent="0.2">
      <c r="A40" s="238">
        <v>13</v>
      </c>
      <c r="B40" s="1032"/>
      <c r="C40" s="1033"/>
      <c r="D40" s="1033"/>
      <c r="E40" s="1033"/>
      <c r="F40" s="1033"/>
      <c r="G40" s="1033"/>
      <c r="H40" s="1033"/>
      <c r="I40" s="1033"/>
      <c r="J40" s="1033"/>
      <c r="K40" s="1033"/>
      <c r="L40" s="1033"/>
      <c r="M40" s="1033"/>
      <c r="N40" s="1033"/>
      <c r="O40" s="1033"/>
      <c r="P40" s="1034"/>
      <c r="Q40" s="1040"/>
      <c r="R40" s="1041"/>
      <c r="S40" s="1041"/>
      <c r="T40" s="1041"/>
      <c r="U40" s="1041"/>
      <c r="V40" s="1041"/>
      <c r="W40" s="1041"/>
      <c r="X40" s="1041"/>
      <c r="Y40" s="1041"/>
      <c r="Z40" s="1041"/>
      <c r="AA40" s="1041"/>
      <c r="AB40" s="1041"/>
      <c r="AC40" s="1041"/>
      <c r="AD40" s="1041"/>
      <c r="AE40" s="1042"/>
      <c r="AF40" s="1037"/>
      <c r="AG40" s="1038"/>
      <c r="AH40" s="1038"/>
      <c r="AI40" s="1038"/>
      <c r="AJ40" s="1039"/>
      <c r="AK40" s="980"/>
      <c r="AL40" s="971"/>
      <c r="AM40" s="971"/>
      <c r="AN40" s="971"/>
      <c r="AO40" s="971"/>
      <c r="AP40" s="971"/>
      <c r="AQ40" s="971"/>
      <c r="AR40" s="971"/>
      <c r="AS40" s="971"/>
      <c r="AT40" s="971"/>
      <c r="AU40" s="971"/>
      <c r="AV40" s="971"/>
      <c r="AW40" s="971"/>
      <c r="AX40" s="971"/>
      <c r="AY40" s="971"/>
      <c r="AZ40" s="1043"/>
      <c r="BA40" s="1043"/>
      <c r="BB40" s="1043"/>
      <c r="BC40" s="1043"/>
      <c r="BD40" s="1043"/>
      <c r="BE40" s="972"/>
      <c r="BF40" s="972"/>
      <c r="BG40" s="972"/>
      <c r="BH40" s="972"/>
      <c r="BI40" s="973"/>
      <c r="BJ40" s="232"/>
      <c r="BK40" s="232"/>
      <c r="BL40" s="232"/>
      <c r="BM40" s="232"/>
      <c r="BN40" s="232"/>
      <c r="BO40" s="241"/>
      <c r="BP40" s="241"/>
      <c r="BQ40" s="238">
        <v>34</v>
      </c>
      <c r="BR40" s="239"/>
      <c r="BS40" s="994"/>
      <c r="BT40" s="995"/>
      <c r="BU40" s="995"/>
      <c r="BV40" s="995"/>
      <c r="BW40" s="995"/>
      <c r="BX40" s="995"/>
      <c r="BY40" s="995"/>
      <c r="BZ40" s="995"/>
      <c r="CA40" s="995"/>
      <c r="CB40" s="995"/>
      <c r="CC40" s="995"/>
      <c r="CD40" s="995"/>
      <c r="CE40" s="995"/>
      <c r="CF40" s="995"/>
      <c r="CG40" s="1016"/>
      <c r="CH40" s="991"/>
      <c r="CI40" s="992"/>
      <c r="CJ40" s="992"/>
      <c r="CK40" s="992"/>
      <c r="CL40" s="993"/>
      <c r="CM40" s="991"/>
      <c r="CN40" s="992"/>
      <c r="CO40" s="992"/>
      <c r="CP40" s="992"/>
      <c r="CQ40" s="993"/>
      <c r="CR40" s="991"/>
      <c r="CS40" s="992"/>
      <c r="CT40" s="992"/>
      <c r="CU40" s="992"/>
      <c r="CV40" s="993"/>
      <c r="CW40" s="991"/>
      <c r="CX40" s="992"/>
      <c r="CY40" s="992"/>
      <c r="CZ40" s="992"/>
      <c r="DA40" s="993"/>
      <c r="DB40" s="991"/>
      <c r="DC40" s="992"/>
      <c r="DD40" s="992"/>
      <c r="DE40" s="992"/>
      <c r="DF40" s="993"/>
      <c r="DG40" s="991"/>
      <c r="DH40" s="992"/>
      <c r="DI40" s="992"/>
      <c r="DJ40" s="992"/>
      <c r="DK40" s="993"/>
      <c r="DL40" s="991"/>
      <c r="DM40" s="992"/>
      <c r="DN40" s="992"/>
      <c r="DO40" s="992"/>
      <c r="DP40" s="993"/>
      <c r="DQ40" s="991"/>
      <c r="DR40" s="992"/>
      <c r="DS40" s="992"/>
      <c r="DT40" s="992"/>
      <c r="DU40" s="993"/>
      <c r="DV40" s="994"/>
      <c r="DW40" s="995"/>
      <c r="DX40" s="995"/>
      <c r="DY40" s="995"/>
      <c r="DZ40" s="996"/>
      <c r="EA40" s="230"/>
    </row>
    <row r="41" spans="1:131" ht="26.25" customHeight="1" x14ac:dyDescent="0.2">
      <c r="A41" s="238">
        <v>14</v>
      </c>
      <c r="B41" s="1032"/>
      <c r="C41" s="1033"/>
      <c r="D41" s="1033"/>
      <c r="E41" s="1033"/>
      <c r="F41" s="1033"/>
      <c r="G41" s="1033"/>
      <c r="H41" s="1033"/>
      <c r="I41" s="1033"/>
      <c r="J41" s="1033"/>
      <c r="K41" s="1033"/>
      <c r="L41" s="1033"/>
      <c r="M41" s="1033"/>
      <c r="N41" s="1033"/>
      <c r="O41" s="1033"/>
      <c r="P41" s="1034"/>
      <c r="Q41" s="1040"/>
      <c r="R41" s="1041"/>
      <c r="S41" s="1041"/>
      <c r="T41" s="1041"/>
      <c r="U41" s="1041"/>
      <c r="V41" s="1041"/>
      <c r="W41" s="1041"/>
      <c r="X41" s="1041"/>
      <c r="Y41" s="1041"/>
      <c r="Z41" s="1041"/>
      <c r="AA41" s="1041"/>
      <c r="AB41" s="1041"/>
      <c r="AC41" s="1041"/>
      <c r="AD41" s="1041"/>
      <c r="AE41" s="1042"/>
      <c r="AF41" s="1037"/>
      <c r="AG41" s="1038"/>
      <c r="AH41" s="1038"/>
      <c r="AI41" s="1038"/>
      <c r="AJ41" s="1039"/>
      <c r="AK41" s="980"/>
      <c r="AL41" s="971"/>
      <c r="AM41" s="971"/>
      <c r="AN41" s="971"/>
      <c r="AO41" s="971"/>
      <c r="AP41" s="971"/>
      <c r="AQ41" s="971"/>
      <c r="AR41" s="971"/>
      <c r="AS41" s="971"/>
      <c r="AT41" s="971"/>
      <c r="AU41" s="971"/>
      <c r="AV41" s="971"/>
      <c r="AW41" s="971"/>
      <c r="AX41" s="971"/>
      <c r="AY41" s="971"/>
      <c r="AZ41" s="1043"/>
      <c r="BA41" s="1043"/>
      <c r="BB41" s="1043"/>
      <c r="BC41" s="1043"/>
      <c r="BD41" s="1043"/>
      <c r="BE41" s="972"/>
      <c r="BF41" s="972"/>
      <c r="BG41" s="972"/>
      <c r="BH41" s="972"/>
      <c r="BI41" s="973"/>
      <c r="BJ41" s="232"/>
      <c r="BK41" s="232"/>
      <c r="BL41" s="232"/>
      <c r="BM41" s="232"/>
      <c r="BN41" s="232"/>
      <c r="BO41" s="241"/>
      <c r="BP41" s="241"/>
      <c r="BQ41" s="238">
        <v>35</v>
      </c>
      <c r="BR41" s="239"/>
      <c r="BS41" s="994"/>
      <c r="BT41" s="995"/>
      <c r="BU41" s="995"/>
      <c r="BV41" s="995"/>
      <c r="BW41" s="995"/>
      <c r="BX41" s="995"/>
      <c r="BY41" s="995"/>
      <c r="BZ41" s="995"/>
      <c r="CA41" s="995"/>
      <c r="CB41" s="995"/>
      <c r="CC41" s="995"/>
      <c r="CD41" s="995"/>
      <c r="CE41" s="995"/>
      <c r="CF41" s="995"/>
      <c r="CG41" s="1016"/>
      <c r="CH41" s="991"/>
      <c r="CI41" s="992"/>
      <c r="CJ41" s="992"/>
      <c r="CK41" s="992"/>
      <c r="CL41" s="993"/>
      <c r="CM41" s="991"/>
      <c r="CN41" s="992"/>
      <c r="CO41" s="992"/>
      <c r="CP41" s="992"/>
      <c r="CQ41" s="993"/>
      <c r="CR41" s="991"/>
      <c r="CS41" s="992"/>
      <c r="CT41" s="992"/>
      <c r="CU41" s="992"/>
      <c r="CV41" s="993"/>
      <c r="CW41" s="991"/>
      <c r="CX41" s="992"/>
      <c r="CY41" s="992"/>
      <c r="CZ41" s="992"/>
      <c r="DA41" s="993"/>
      <c r="DB41" s="991"/>
      <c r="DC41" s="992"/>
      <c r="DD41" s="992"/>
      <c r="DE41" s="992"/>
      <c r="DF41" s="993"/>
      <c r="DG41" s="991"/>
      <c r="DH41" s="992"/>
      <c r="DI41" s="992"/>
      <c r="DJ41" s="992"/>
      <c r="DK41" s="993"/>
      <c r="DL41" s="991"/>
      <c r="DM41" s="992"/>
      <c r="DN41" s="992"/>
      <c r="DO41" s="992"/>
      <c r="DP41" s="993"/>
      <c r="DQ41" s="991"/>
      <c r="DR41" s="992"/>
      <c r="DS41" s="992"/>
      <c r="DT41" s="992"/>
      <c r="DU41" s="993"/>
      <c r="DV41" s="994"/>
      <c r="DW41" s="995"/>
      <c r="DX41" s="995"/>
      <c r="DY41" s="995"/>
      <c r="DZ41" s="996"/>
      <c r="EA41" s="230"/>
    </row>
    <row r="42" spans="1:131" ht="26.25" customHeight="1" x14ac:dyDescent="0.2">
      <c r="A42" s="238">
        <v>15</v>
      </c>
      <c r="B42" s="1032"/>
      <c r="C42" s="1033"/>
      <c r="D42" s="1033"/>
      <c r="E42" s="1033"/>
      <c r="F42" s="1033"/>
      <c r="G42" s="1033"/>
      <c r="H42" s="1033"/>
      <c r="I42" s="1033"/>
      <c r="J42" s="1033"/>
      <c r="K42" s="1033"/>
      <c r="L42" s="1033"/>
      <c r="M42" s="1033"/>
      <c r="N42" s="1033"/>
      <c r="O42" s="1033"/>
      <c r="P42" s="1034"/>
      <c r="Q42" s="1040"/>
      <c r="R42" s="1041"/>
      <c r="S42" s="1041"/>
      <c r="T42" s="1041"/>
      <c r="U42" s="1041"/>
      <c r="V42" s="1041"/>
      <c r="W42" s="1041"/>
      <c r="X42" s="1041"/>
      <c r="Y42" s="1041"/>
      <c r="Z42" s="1041"/>
      <c r="AA42" s="1041"/>
      <c r="AB42" s="1041"/>
      <c r="AC42" s="1041"/>
      <c r="AD42" s="1041"/>
      <c r="AE42" s="1042"/>
      <c r="AF42" s="1037"/>
      <c r="AG42" s="1038"/>
      <c r="AH42" s="1038"/>
      <c r="AI42" s="1038"/>
      <c r="AJ42" s="1039"/>
      <c r="AK42" s="980"/>
      <c r="AL42" s="971"/>
      <c r="AM42" s="971"/>
      <c r="AN42" s="971"/>
      <c r="AO42" s="971"/>
      <c r="AP42" s="971"/>
      <c r="AQ42" s="971"/>
      <c r="AR42" s="971"/>
      <c r="AS42" s="971"/>
      <c r="AT42" s="971"/>
      <c r="AU42" s="971"/>
      <c r="AV42" s="971"/>
      <c r="AW42" s="971"/>
      <c r="AX42" s="971"/>
      <c r="AY42" s="971"/>
      <c r="AZ42" s="1043"/>
      <c r="BA42" s="1043"/>
      <c r="BB42" s="1043"/>
      <c r="BC42" s="1043"/>
      <c r="BD42" s="1043"/>
      <c r="BE42" s="972"/>
      <c r="BF42" s="972"/>
      <c r="BG42" s="972"/>
      <c r="BH42" s="972"/>
      <c r="BI42" s="973"/>
      <c r="BJ42" s="232"/>
      <c r="BK42" s="232"/>
      <c r="BL42" s="232"/>
      <c r="BM42" s="232"/>
      <c r="BN42" s="232"/>
      <c r="BO42" s="241"/>
      <c r="BP42" s="241"/>
      <c r="BQ42" s="238">
        <v>36</v>
      </c>
      <c r="BR42" s="239"/>
      <c r="BS42" s="994"/>
      <c r="BT42" s="995"/>
      <c r="BU42" s="995"/>
      <c r="BV42" s="995"/>
      <c r="BW42" s="995"/>
      <c r="BX42" s="995"/>
      <c r="BY42" s="995"/>
      <c r="BZ42" s="995"/>
      <c r="CA42" s="995"/>
      <c r="CB42" s="995"/>
      <c r="CC42" s="995"/>
      <c r="CD42" s="995"/>
      <c r="CE42" s="995"/>
      <c r="CF42" s="995"/>
      <c r="CG42" s="1016"/>
      <c r="CH42" s="991"/>
      <c r="CI42" s="992"/>
      <c r="CJ42" s="992"/>
      <c r="CK42" s="992"/>
      <c r="CL42" s="993"/>
      <c r="CM42" s="991"/>
      <c r="CN42" s="992"/>
      <c r="CO42" s="992"/>
      <c r="CP42" s="992"/>
      <c r="CQ42" s="993"/>
      <c r="CR42" s="991"/>
      <c r="CS42" s="992"/>
      <c r="CT42" s="992"/>
      <c r="CU42" s="992"/>
      <c r="CV42" s="993"/>
      <c r="CW42" s="991"/>
      <c r="CX42" s="992"/>
      <c r="CY42" s="992"/>
      <c r="CZ42" s="992"/>
      <c r="DA42" s="993"/>
      <c r="DB42" s="991"/>
      <c r="DC42" s="992"/>
      <c r="DD42" s="992"/>
      <c r="DE42" s="992"/>
      <c r="DF42" s="993"/>
      <c r="DG42" s="991"/>
      <c r="DH42" s="992"/>
      <c r="DI42" s="992"/>
      <c r="DJ42" s="992"/>
      <c r="DK42" s="993"/>
      <c r="DL42" s="991"/>
      <c r="DM42" s="992"/>
      <c r="DN42" s="992"/>
      <c r="DO42" s="992"/>
      <c r="DP42" s="993"/>
      <c r="DQ42" s="991"/>
      <c r="DR42" s="992"/>
      <c r="DS42" s="992"/>
      <c r="DT42" s="992"/>
      <c r="DU42" s="993"/>
      <c r="DV42" s="994"/>
      <c r="DW42" s="995"/>
      <c r="DX42" s="995"/>
      <c r="DY42" s="995"/>
      <c r="DZ42" s="996"/>
      <c r="EA42" s="230"/>
    </row>
    <row r="43" spans="1:131" ht="26.25" customHeight="1" x14ac:dyDescent="0.2">
      <c r="A43" s="238">
        <v>16</v>
      </c>
      <c r="B43" s="1032"/>
      <c r="C43" s="1033"/>
      <c r="D43" s="1033"/>
      <c r="E43" s="1033"/>
      <c r="F43" s="1033"/>
      <c r="G43" s="1033"/>
      <c r="H43" s="1033"/>
      <c r="I43" s="1033"/>
      <c r="J43" s="1033"/>
      <c r="K43" s="1033"/>
      <c r="L43" s="1033"/>
      <c r="M43" s="1033"/>
      <c r="N43" s="1033"/>
      <c r="O43" s="1033"/>
      <c r="P43" s="1034"/>
      <c r="Q43" s="1040"/>
      <c r="R43" s="1041"/>
      <c r="S43" s="1041"/>
      <c r="T43" s="1041"/>
      <c r="U43" s="1041"/>
      <c r="V43" s="1041"/>
      <c r="W43" s="1041"/>
      <c r="X43" s="1041"/>
      <c r="Y43" s="1041"/>
      <c r="Z43" s="1041"/>
      <c r="AA43" s="1041"/>
      <c r="AB43" s="1041"/>
      <c r="AC43" s="1041"/>
      <c r="AD43" s="1041"/>
      <c r="AE43" s="1042"/>
      <c r="AF43" s="1037"/>
      <c r="AG43" s="1038"/>
      <c r="AH43" s="1038"/>
      <c r="AI43" s="1038"/>
      <c r="AJ43" s="1039"/>
      <c r="AK43" s="980"/>
      <c r="AL43" s="971"/>
      <c r="AM43" s="971"/>
      <c r="AN43" s="971"/>
      <c r="AO43" s="971"/>
      <c r="AP43" s="971"/>
      <c r="AQ43" s="971"/>
      <c r="AR43" s="971"/>
      <c r="AS43" s="971"/>
      <c r="AT43" s="971"/>
      <c r="AU43" s="971"/>
      <c r="AV43" s="971"/>
      <c r="AW43" s="971"/>
      <c r="AX43" s="971"/>
      <c r="AY43" s="971"/>
      <c r="AZ43" s="1043"/>
      <c r="BA43" s="1043"/>
      <c r="BB43" s="1043"/>
      <c r="BC43" s="1043"/>
      <c r="BD43" s="1043"/>
      <c r="BE43" s="972"/>
      <c r="BF43" s="972"/>
      <c r="BG43" s="972"/>
      <c r="BH43" s="972"/>
      <c r="BI43" s="973"/>
      <c r="BJ43" s="232"/>
      <c r="BK43" s="232"/>
      <c r="BL43" s="232"/>
      <c r="BM43" s="232"/>
      <c r="BN43" s="232"/>
      <c r="BO43" s="241"/>
      <c r="BP43" s="241"/>
      <c r="BQ43" s="238">
        <v>37</v>
      </c>
      <c r="BR43" s="239"/>
      <c r="BS43" s="994"/>
      <c r="BT43" s="995"/>
      <c r="BU43" s="995"/>
      <c r="BV43" s="995"/>
      <c r="BW43" s="995"/>
      <c r="BX43" s="995"/>
      <c r="BY43" s="995"/>
      <c r="BZ43" s="995"/>
      <c r="CA43" s="995"/>
      <c r="CB43" s="995"/>
      <c r="CC43" s="995"/>
      <c r="CD43" s="995"/>
      <c r="CE43" s="995"/>
      <c r="CF43" s="995"/>
      <c r="CG43" s="1016"/>
      <c r="CH43" s="991"/>
      <c r="CI43" s="992"/>
      <c r="CJ43" s="992"/>
      <c r="CK43" s="992"/>
      <c r="CL43" s="993"/>
      <c r="CM43" s="991"/>
      <c r="CN43" s="992"/>
      <c r="CO43" s="992"/>
      <c r="CP43" s="992"/>
      <c r="CQ43" s="993"/>
      <c r="CR43" s="991"/>
      <c r="CS43" s="992"/>
      <c r="CT43" s="992"/>
      <c r="CU43" s="992"/>
      <c r="CV43" s="993"/>
      <c r="CW43" s="991"/>
      <c r="CX43" s="992"/>
      <c r="CY43" s="992"/>
      <c r="CZ43" s="992"/>
      <c r="DA43" s="993"/>
      <c r="DB43" s="991"/>
      <c r="DC43" s="992"/>
      <c r="DD43" s="992"/>
      <c r="DE43" s="992"/>
      <c r="DF43" s="993"/>
      <c r="DG43" s="991"/>
      <c r="DH43" s="992"/>
      <c r="DI43" s="992"/>
      <c r="DJ43" s="992"/>
      <c r="DK43" s="993"/>
      <c r="DL43" s="991"/>
      <c r="DM43" s="992"/>
      <c r="DN43" s="992"/>
      <c r="DO43" s="992"/>
      <c r="DP43" s="993"/>
      <c r="DQ43" s="991"/>
      <c r="DR43" s="992"/>
      <c r="DS43" s="992"/>
      <c r="DT43" s="992"/>
      <c r="DU43" s="993"/>
      <c r="DV43" s="994"/>
      <c r="DW43" s="995"/>
      <c r="DX43" s="995"/>
      <c r="DY43" s="995"/>
      <c r="DZ43" s="996"/>
      <c r="EA43" s="230"/>
    </row>
    <row r="44" spans="1:131" ht="26.25" customHeight="1" x14ac:dyDescent="0.2">
      <c r="A44" s="238">
        <v>17</v>
      </c>
      <c r="B44" s="1032"/>
      <c r="C44" s="1033"/>
      <c r="D44" s="1033"/>
      <c r="E44" s="1033"/>
      <c r="F44" s="1033"/>
      <c r="G44" s="1033"/>
      <c r="H44" s="1033"/>
      <c r="I44" s="1033"/>
      <c r="J44" s="1033"/>
      <c r="K44" s="1033"/>
      <c r="L44" s="1033"/>
      <c r="M44" s="1033"/>
      <c r="N44" s="1033"/>
      <c r="O44" s="1033"/>
      <c r="P44" s="1034"/>
      <c r="Q44" s="1040"/>
      <c r="R44" s="1041"/>
      <c r="S44" s="1041"/>
      <c r="T44" s="1041"/>
      <c r="U44" s="1041"/>
      <c r="V44" s="1041"/>
      <c r="W44" s="1041"/>
      <c r="X44" s="1041"/>
      <c r="Y44" s="1041"/>
      <c r="Z44" s="1041"/>
      <c r="AA44" s="1041"/>
      <c r="AB44" s="1041"/>
      <c r="AC44" s="1041"/>
      <c r="AD44" s="1041"/>
      <c r="AE44" s="1042"/>
      <c r="AF44" s="1037"/>
      <c r="AG44" s="1038"/>
      <c r="AH44" s="1038"/>
      <c r="AI44" s="1038"/>
      <c r="AJ44" s="1039"/>
      <c r="AK44" s="980"/>
      <c r="AL44" s="971"/>
      <c r="AM44" s="971"/>
      <c r="AN44" s="971"/>
      <c r="AO44" s="971"/>
      <c r="AP44" s="971"/>
      <c r="AQ44" s="971"/>
      <c r="AR44" s="971"/>
      <c r="AS44" s="971"/>
      <c r="AT44" s="971"/>
      <c r="AU44" s="971"/>
      <c r="AV44" s="971"/>
      <c r="AW44" s="971"/>
      <c r="AX44" s="971"/>
      <c r="AY44" s="971"/>
      <c r="AZ44" s="1043"/>
      <c r="BA44" s="1043"/>
      <c r="BB44" s="1043"/>
      <c r="BC44" s="1043"/>
      <c r="BD44" s="1043"/>
      <c r="BE44" s="972"/>
      <c r="BF44" s="972"/>
      <c r="BG44" s="972"/>
      <c r="BH44" s="972"/>
      <c r="BI44" s="973"/>
      <c r="BJ44" s="232"/>
      <c r="BK44" s="232"/>
      <c r="BL44" s="232"/>
      <c r="BM44" s="232"/>
      <c r="BN44" s="232"/>
      <c r="BO44" s="241"/>
      <c r="BP44" s="241"/>
      <c r="BQ44" s="238">
        <v>38</v>
      </c>
      <c r="BR44" s="239"/>
      <c r="BS44" s="994"/>
      <c r="BT44" s="995"/>
      <c r="BU44" s="995"/>
      <c r="BV44" s="995"/>
      <c r="BW44" s="995"/>
      <c r="BX44" s="995"/>
      <c r="BY44" s="995"/>
      <c r="BZ44" s="995"/>
      <c r="CA44" s="995"/>
      <c r="CB44" s="995"/>
      <c r="CC44" s="995"/>
      <c r="CD44" s="995"/>
      <c r="CE44" s="995"/>
      <c r="CF44" s="995"/>
      <c r="CG44" s="1016"/>
      <c r="CH44" s="991"/>
      <c r="CI44" s="992"/>
      <c r="CJ44" s="992"/>
      <c r="CK44" s="992"/>
      <c r="CL44" s="993"/>
      <c r="CM44" s="991"/>
      <c r="CN44" s="992"/>
      <c r="CO44" s="992"/>
      <c r="CP44" s="992"/>
      <c r="CQ44" s="993"/>
      <c r="CR44" s="991"/>
      <c r="CS44" s="992"/>
      <c r="CT44" s="992"/>
      <c r="CU44" s="992"/>
      <c r="CV44" s="993"/>
      <c r="CW44" s="991"/>
      <c r="CX44" s="992"/>
      <c r="CY44" s="992"/>
      <c r="CZ44" s="992"/>
      <c r="DA44" s="993"/>
      <c r="DB44" s="991"/>
      <c r="DC44" s="992"/>
      <c r="DD44" s="992"/>
      <c r="DE44" s="992"/>
      <c r="DF44" s="993"/>
      <c r="DG44" s="991"/>
      <c r="DH44" s="992"/>
      <c r="DI44" s="992"/>
      <c r="DJ44" s="992"/>
      <c r="DK44" s="993"/>
      <c r="DL44" s="991"/>
      <c r="DM44" s="992"/>
      <c r="DN44" s="992"/>
      <c r="DO44" s="992"/>
      <c r="DP44" s="993"/>
      <c r="DQ44" s="991"/>
      <c r="DR44" s="992"/>
      <c r="DS44" s="992"/>
      <c r="DT44" s="992"/>
      <c r="DU44" s="993"/>
      <c r="DV44" s="994"/>
      <c r="DW44" s="995"/>
      <c r="DX44" s="995"/>
      <c r="DY44" s="995"/>
      <c r="DZ44" s="996"/>
      <c r="EA44" s="230"/>
    </row>
    <row r="45" spans="1:131" ht="26.25" customHeight="1" x14ac:dyDescent="0.2">
      <c r="A45" s="238">
        <v>18</v>
      </c>
      <c r="B45" s="1032"/>
      <c r="C45" s="1033"/>
      <c r="D45" s="1033"/>
      <c r="E45" s="1033"/>
      <c r="F45" s="1033"/>
      <c r="G45" s="1033"/>
      <c r="H45" s="1033"/>
      <c r="I45" s="1033"/>
      <c r="J45" s="1033"/>
      <c r="K45" s="1033"/>
      <c r="L45" s="1033"/>
      <c r="M45" s="1033"/>
      <c r="N45" s="1033"/>
      <c r="O45" s="1033"/>
      <c r="P45" s="1034"/>
      <c r="Q45" s="1040"/>
      <c r="R45" s="1041"/>
      <c r="S45" s="1041"/>
      <c r="T45" s="1041"/>
      <c r="U45" s="1041"/>
      <c r="V45" s="1041"/>
      <c r="W45" s="1041"/>
      <c r="X45" s="1041"/>
      <c r="Y45" s="1041"/>
      <c r="Z45" s="1041"/>
      <c r="AA45" s="1041"/>
      <c r="AB45" s="1041"/>
      <c r="AC45" s="1041"/>
      <c r="AD45" s="1041"/>
      <c r="AE45" s="1042"/>
      <c r="AF45" s="1037"/>
      <c r="AG45" s="1038"/>
      <c r="AH45" s="1038"/>
      <c r="AI45" s="1038"/>
      <c r="AJ45" s="1039"/>
      <c r="AK45" s="980"/>
      <c r="AL45" s="971"/>
      <c r="AM45" s="971"/>
      <c r="AN45" s="971"/>
      <c r="AO45" s="971"/>
      <c r="AP45" s="971"/>
      <c r="AQ45" s="971"/>
      <c r="AR45" s="971"/>
      <c r="AS45" s="971"/>
      <c r="AT45" s="971"/>
      <c r="AU45" s="971"/>
      <c r="AV45" s="971"/>
      <c r="AW45" s="971"/>
      <c r="AX45" s="971"/>
      <c r="AY45" s="971"/>
      <c r="AZ45" s="1043"/>
      <c r="BA45" s="1043"/>
      <c r="BB45" s="1043"/>
      <c r="BC45" s="1043"/>
      <c r="BD45" s="1043"/>
      <c r="BE45" s="972"/>
      <c r="BF45" s="972"/>
      <c r="BG45" s="972"/>
      <c r="BH45" s="972"/>
      <c r="BI45" s="973"/>
      <c r="BJ45" s="232"/>
      <c r="BK45" s="232"/>
      <c r="BL45" s="232"/>
      <c r="BM45" s="232"/>
      <c r="BN45" s="232"/>
      <c r="BO45" s="241"/>
      <c r="BP45" s="241"/>
      <c r="BQ45" s="238">
        <v>39</v>
      </c>
      <c r="BR45" s="239"/>
      <c r="BS45" s="994"/>
      <c r="BT45" s="995"/>
      <c r="BU45" s="995"/>
      <c r="BV45" s="995"/>
      <c r="BW45" s="995"/>
      <c r="BX45" s="995"/>
      <c r="BY45" s="995"/>
      <c r="BZ45" s="995"/>
      <c r="CA45" s="995"/>
      <c r="CB45" s="995"/>
      <c r="CC45" s="995"/>
      <c r="CD45" s="995"/>
      <c r="CE45" s="995"/>
      <c r="CF45" s="995"/>
      <c r="CG45" s="1016"/>
      <c r="CH45" s="991"/>
      <c r="CI45" s="992"/>
      <c r="CJ45" s="992"/>
      <c r="CK45" s="992"/>
      <c r="CL45" s="993"/>
      <c r="CM45" s="991"/>
      <c r="CN45" s="992"/>
      <c r="CO45" s="992"/>
      <c r="CP45" s="992"/>
      <c r="CQ45" s="993"/>
      <c r="CR45" s="991"/>
      <c r="CS45" s="992"/>
      <c r="CT45" s="992"/>
      <c r="CU45" s="992"/>
      <c r="CV45" s="993"/>
      <c r="CW45" s="991"/>
      <c r="CX45" s="992"/>
      <c r="CY45" s="992"/>
      <c r="CZ45" s="992"/>
      <c r="DA45" s="993"/>
      <c r="DB45" s="991"/>
      <c r="DC45" s="992"/>
      <c r="DD45" s="992"/>
      <c r="DE45" s="992"/>
      <c r="DF45" s="993"/>
      <c r="DG45" s="991"/>
      <c r="DH45" s="992"/>
      <c r="DI45" s="992"/>
      <c r="DJ45" s="992"/>
      <c r="DK45" s="993"/>
      <c r="DL45" s="991"/>
      <c r="DM45" s="992"/>
      <c r="DN45" s="992"/>
      <c r="DO45" s="992"/>
      <c r="DP45" s="993"/>
      <c r="DQ45" s="991"/>
      <c r="DR45" s="992"/>
      <c r="DS45" s="992"/>
      <c r="DT45" s="992"/>
      <c r="DU45" s="993"/>
      <c r="DV45" s="994"/>
      <c r="DW45" s="995"/>
      <c r="DX45" s="995"/>
      <c r="DY45" s="995"/>
      <c r="DZ45" s="996"/>
      <c r="EA45" s="230"/>
    </row>
    <row r="46" spans="1:131" ht="26.25" customHeight="1" x14ac:dyDescent="0.2">
      <c r="A46" s="238">
        <v>19</v>
      </c>
      <c r="B46" s="1032"/>
      <c r="C46" s="1033"/>
      <c r="D46" s="1033"/>
      <c r="E46" s="1033"/>
      <c r="F46" s="1033"/>
      <c r="G46" s="1033"/>
      <c r="H46" s="1033"/>
      <c r="I46" s="1033"/>
      <c r="J46" s="1033"/>
      <c r="K46" s="1033"/>
      <c r="L46" s="1033"/>
      <c r="M46" s="1033"/>
      <c r="N46" s="1033"/>
      <c r="O46" s="1033"/>
      <c r="P46" s="1034"/>
      <c r="Q46" s="1040"/>
      <c r="R46" s="1041"/>
      <c r="S46" s="1041"/>
      <c r="T46" s="1041"/>
      <c r="U46" s="1041"/>
      <c r="V46" s="1041"/>
      <c r="W46" s="1041"/>
      <c r="X46" s="1041"/>
      <c r="Y46" s="1041"/>
      <c r="Z46" s="1041"/>
      <c r="AA46" s="1041"/>
      <c r="AB46" s="1041"/>
      <c r="AC46" s="1041"/>
      <c r="AD46" s="1041"/>
      <c r="AE46" s="1042"/>
      <c r="AF46" s="1037"/>
      <c r="AG46" s="1038"/>
      <c r="AH46" s="1038"/>
      <c r="AI46" s="1038"/>
      <c r="AJ46" s="1039"/>
      <c r="AK46" s="980"/>
      <c r="AL46" s="971"/>
      <c r="AM46" s="971"/>
      <c r="AN46" s="971"/>
      <c r="AO46" s="971"/>
      <c r="AP46" s="971"/>
      <c r="AQ46" s="971"/>
      <c r="AR46" s="971"/>
      <c r="AS46" s="971"/>
      <c r="AT46" s="971"/>
      <c r="AU46" s="971"/>
      <c r="AV46" s="971"/>
      <c r="AW46" s="971"/>
      <c r="AX46" s="971"/>
      <c r="AY46" s="971"/>
      <c r="AZ46" s="1043"/>
      <c r="BA46" s="1043"/>
      <c r="BB46" s="1043"/>
      <c r="BC46" s="1043"/>
      <c r="BD46" s="1043"/>
      <c r="BE46" s="972"/>
      <c r="BF46" s="972"/>
      <c r="BG46" s="972"/>
      <c r="BH46" s="972"/>
      <c r="BI46" s="973"/>
      <c r="BJ46" s="232"/>
      <c r="BK46" s="232"/>
      <c r="BL46" s="232"/>
      <c r="BM46" s="232"/>
      <c r="BN46" s="232"/>
      <c r="BO46" s="241"/>
      <c r="BP46" s="241"/>
      <c r="BQ46" s="238">
        <v>40</v>
      </c>
      <c r="BR46" s="239"/>
      <c r="BS46" s="994"/>
      <c r="BT46" s="995"/>
      <c r="BU46" s="995"/>
      <c r="BV46" s="995"/>
      <c r="BW46" s="995"/>
      <c r="BX46" s="995"/>
      <c r="BY46" s="995"/>
      <c r="BZ46" s="995"/>
      <c r="CA46" s="995"/>
      <c r="CB46" s="995"/>
      <c r="CC46" s="995"/>
      <c r="CD46" s="995"/>
      <c r="CE46" s="995"/>
      <c r="CF46" s="995"/>
      <c r="CG46" s="1016"/>
      <c r="CH46" s="991"/>
      <c r="CI46" s="992"/>
      <c r="CJ46" s="992"/>
      <c r="CK46" s="992"/>
      <c r="CL46" s="993"/>
      <c r="CM46" s="991"/>
      <c r="CN46" s="992"/>
      <c r="CO46" s="992"/>
      <c r="CP46" s="992"/>
      <c r="CQ46" s="993"/>
      <c r="CR46" s="991"/>
      <c r="CS46" s="992"/>
      <c r="CT46" s="992"/>
      <c r="CU46" s="992"/>
      <c r="CV46" s="993"/>
      <c r="CW46" s="991"/>
      <c r="CX46" s="992"/>
      <c r="CY46" s="992"/>
      <c r="CZ46" s="992"/>
      <c r="DA46" s="993"/>
      <c r="DB46" s="991"/>
      <c r="DC46" s="992"/>
      <c r="DD46" s="992"/>
      <c r="DE46" s="992"/>
      <c r="DF46" s="993"/>
      <c r="DG46" s="991"/>
      <c r="DH46" s="992"/>
      <c r="DI46" s="992"/>
      <c r="DJ46" s="992"/>
      <c r="DK46" s="993"/>
      <c r="DL46" s="991"/>
      <c r="DM46" s="992"/>
      <c r="DN46" s="992"/>
      <c r="DO46" s="992"/>
      <c r="DP46" s="993"/>
      <c r="DQ46" s="991"/>
      <c r="DR46" s="992"/>
      <c r="DS46" s="992"/>
      <c r="DT46" s="992"/>
      <c r="DU46" s="993"/>
      <c r="DV46" s="994"/>
      <c r="DW46" s="995"/>
      <c r="DX46" s="995"/>
      <c r="DY46" s="995"/>
      <c r="DZ46" s="996"/>
      <c r="EA46" s="230"/>
    </row>
    <row r="47" spans="1:131" ht="26.25" customHeight="1" x14ac:dyDescent="0.2">
      <c r="A47" s="238">
        <v>20</v>
      </c>
      <c r="B47" s="1032"/>
      <c r="C47" s="1033"/>
      <c r="D47" s="1033"/>
      <c r="E47" s="1033"/>
      <c r="F47" s="1033"/>
      <c r="G47" s="1033"/>
      <c r="H47" s="1033"/>
      <c r="I47" s="1033"/>
      <c r="J47" s="1033"/>
      <c r="K47" s="1033"/>
      <c r="L47" s="1033"/>
      <c r="M47" s="1033"/>
      <c r="N47" s="1033"/>
      <c r="O47" s="1033"/>
      <c r="P47" s="1034"/>
      <c r="Q47" s="1040"/>
      <c r="R47" s="1041"/>
      <c r="S47" s="1041"/>
      <c r="T47" s="1041"/>
      <c r="U47" s="1041"/>
      <c r="V47" s="1041"/>
      <c r="W47" s="1041"/>
      <c r="X47" s="1041"/>
      <c r="Y47" s="1041"/>
      <c r="Z47" s="1041"/>
      <c r="AA47" s="1041"/>
      <c r="AB47" s="1041"/>
      <c r="AC47" s="1041"/>
      <c r="AD47" s="1041"/>
      <c r="AE47" s="1042"/>
      <c r="AF47" s="1037"/>
      <c r="AG47" s="1038"/>
      <c r="AH47" s="1038"/>
      <c r="AI47" s="1038"/>
      <c r="AJ47" s="1039"/>
      <c r="AK47" s="980"/>
      <c r="AL47" s="971"/>
      <c r="AM47" s="971"/>
      <c r="AN47" s="971"/>
      <c r="AO47" s="971"/>
      <c r="AP47" s="971"/>
      <c r="AQ47" s="971"/>
      <c r="AR47" s="971"/>
      <c r="AS47" s="971"/>
      <c r="AT47" s="971"/>
      <c r="AU47" s="971"/>
      <c r="AV47" s="971"/>
      <c r="AW47" s="971"/>
      <c r="AX47" s="971"/>
      <c r="AY47" s="971"/>
      <c r="AZ47" s="1043"/>
      <c r="BA47" s="1043"/>
      <c r="BB47" s="1043"/>
      <c r="BC47" s="1043"/>
      <c r="BD47" s="1043"/>
      <c r="BE47" s="972"/>
      <c r="BF47" s="972"/>
      <c r="BG47" s="972"/>
      <c r="BH47" s="972"/>
      <c r="BI47" s="973"/>
      <c r="BJ47" s="232"/>
      <c r="BK47" s="232"/>
      <c r="BL47" s="232"/>
      <c r="BM47" s="232"/>
      <c r="BN47" s="232"/>
      <c r="BO47" s="241"/>
      <c r="BP47" s="241"/>
      <c r="BQ47" s="238">
        <v>41</v>
      </c>
      <c r="BR47" s="239"/>
      <c r="BS47" s="994"/>
      <c r="BT47" s="995"/>
      <c r="BU47" s="995"/>
      <c r="BV47" s="995"/>
      <c r="BW47" s="995"/>
      <c r="BX47" s="995"/>
      <c r="BY47" s="995"/>
      <c r="BZ47" s="995"/>
      <c r="CA47" s="995"/>
      <c r="CB47" s="995"/>
      <c r="CC47" s="995"/>
      <c r="CD47" s="995"/>
      <c r="CE47" s="995"/>
      <c r="CF47" s="995"/>
      <c r="CG47" s="1016"/>
      <c r="CH47" s="991"/>
      <c r="CI47" s="992"/>
      <c r="CJ47" s="992"/>
      <c r="CK47" s="992"/>
      <c r="CL47" s="993"/>
      <c r="CM47" s="991"/>
      <c r="CN47" s="992"/>
      <c r="CO47" s="992"/>
      <c r="CP47" s="992"/>
      <c r="CQ47" s="993"/>
      <c r="CR47" s="991"/>
      <c r="CS47" s="992"/>
      <c r="CT47" s="992"/>
      <c r="CU47" s="992"/>
      <c r="CV47" s="993"/>
      <c r="CW47" s="991"/>
      <c r="CX47" s="992"/>
      <c r="CY47" s="992"/>
      <c r="CZ47" s="992"/>
      <c r="DA47" s="993"/>
      <c r="DB47" s="991"/>
      <c r="DC47" s="992"/>
      <c r="DD47" s="992"/>
      <c r="DE47" s="992"/>
      <c r="DF47" s="993"/>
      <c r="DG47" s="991"/>
      <c r="DH47" s="992"/>
      <c r="DI47" s="992"/>
      <c r="DJ47" s="992"/>
      <c r="DK47" s="993"/>
      <c r="DL47" s="991"/>
      <c r="DM47" s="992"/>
      <c r="DN47" s="992"/>
      <c r="DO47" s="992"/>
      <c r="DP47" s="993"/>
      <c r="DQ47" s="991"/>
      <c r="DR47" s="992"/>
      <c r="DS47" s="992"/>
      <c r="DT47" s="992"/>
      <c r="DU47" s="993"/>
      <c r="DV47" s="994"/>
      <c r="DW47" s="995"/>
      <c r="DX47" s="995"/>
      <c r="DY47" s="995"/>
      <c r="DZ47" s="996"/>
      <c r="EA47" s="230"/>
    </row>
    <row r="48" spans="1:131" ht="26.25" customHeight="1" x14ac:dyDescent="0.2">
      <c r="A48" s="238">
        <v>21</v>
      </c>
      <c r="B48" s="1032"/>
      <c r="C48" s="1033"/>
      <c r="D48" s="1033"/>
      <c r="E48" s="1033"/>
      <c r="F48" s="1033"/>
      <c r="G48" s="1033"/>
      <c r="H48" s="1033"/>
      <c r="I48" s="1033"/>
      <c r="J48" s="1033"/>
      <c r="K48" s="1033"/>
      <c r="L48" s="1033"/>
      <c r="M48" s="1033"/>
      <c r="N48" s="1033"/>
      <c r="O48" s="1033"/>
      <c r="P48" s="1034"/>
      <c r="Q48" s="1040"/>
      <c r="R48" s="1041"/>
      <c r="S48" s="1041"/>
      <c r="T48" s="1041"/>
      <c r="U48" s="1041"/>
      <c r="V48" s="1041"/>
      <c r="W48" s="1041"/>
      <c r="X48" s="1041"/>
      <c r="Y48" s="1041"/>
      <c r="Z48" s="1041"/>
      <c r="AA48" s="1041"/>
      <c r="AB48" s="1041"/>
      <c r="AC48" s="1041"/>
      <c r="AD48" s="1041"/>
      <c r="AE48" s="1042"/>
      <c r="AF48" s="1037"/>
      <c r="AG48" s="1038"/>
      <c r="AH48" s="1038"/>
      <c r="AI48" s="1038"/>
      <c r="AJ48" s="1039"/>
      <c r="AK48" s="980"/>
      <c r="AL48" s="971"/>
      <c r="AM48" s="971"/>
      <c r="AN48" s="971"/>
      <c r="AO48" s="971"/>
      <c r="AP48" s="971"/>
      <c r="AQ48" s="971"/>
      <c r="AR48" s="971"/>
      <c r="AS48" s="971"/>
      <c r="AT48" s="971"/>
      <c r="AU48" s="971"/>
      <c r="AV48" s="971"/>
      <c r="AW48" s="971"/>
      <c r="AX48" s="971"/>
      <c r="AY48" s="971"/>
      <c r="AZ48" s="1043"/>
      <c r="BA48" s="1043"/>
      <c r="BB48" s="1043"/>
      <c r="BC48" s="1043"/>
      <c r="BD48" s="1043"/>
      <c r="BE48" s="972"/>
      <c r="BF48" s="972"/>
      <c r="BG48" s="972"/>
      <c r="BH48" s="972"/>
      <c r="BI48" s="973"/>
      <c r="BJ48" s="232"/>
      <c r="BK48" s="232"/>
      <c r="BL48" s="232"/>
      <c r="BM48" s="232"/>
      <c r="BN48" s="232"/>
      <c r="BO48" s="241"/>
      <c r="BP48" s="241"/>
      <c r="BQ48" s="238">
        <v>42</v>
      </c>
      <c r="BR48" s="239"/>
      <c r="BS48" s="994"/>
      <c r="BT48" s="995"/>
      <c r="BU48" s="995"/>
      <c r="BV48" s="995"/>
      <c r="BW48" s="995"/>
      <c r="BX48" s="995"/>
      <c r="BY48" s="995"/>
      <c r="BZ48" s="995"/>
      <c r="CA48" s="995"/>
      <c r="CB48" s="995"/>
      <c r="CC48" s="995"/>
      <c r="CD48" s="995"/>
      <c r="CE48" s="995"/>
      <c r="CF48" s="995"/>
      <c r="CG48" s="1016"/>
      <c r="CH48" s="991"/>
      <c r="CI48" s="992"/>
      <c r="CJ48" s="992"/>
      <c r="CK48" s="992"/>
      <c r="CL48" s="993"/>
      <c r="CM48" s="991"/>
      <c r="CN48" s="992"/>
      <c r="CO48" s="992"/>
      <c r="CP48" s="992"/>
      <c r="CQ48" s="993"/>
      <c r="CR48" s="991"/>
      <c r="CS48" s="992"/>
      <c r="CT48" s="992"/>
      <c r="CU48" s="992"/>
      <c r="CV48" s="993"/>
      <c r="CW48" s="991"/>
      <c r="CX48" s="992"/>
      <c r="CY48" s="992"/>
      <c r="CZ48" s="992"/>
      <c r="DA48" s="993"/>
      <c r="DB48" s="991"/>
      <c r="DC48" s="992"/>
      <c r="DD48" s="992"/>
      <c r="DE48" s="992"/>
      <c r="DF48" s="993"/>
      <c r="DG48" s="991"/>
      <c r="DH48" s="992"/>
      <c r="DI48" s="992"/>
      <c r="DJ48" s="992"/>
      <c r="DK48" s="993"/>
      <c r="DL48" s="991"/>
      <c r="DM48" s="992"/>
      <c r="DN48" s="992"/>
      <c r="DO48" s="992"/>
      <c r="DP48" s="993"/>
      <c r="DQ48" s="991"/>
      <c r="DR48" s="992"/>
      <c r="DS48" s="992"/>
      <c r="DT48" s="992"/>
      <c r="DU48" s="993"/>
      <c r="DV48" s="994"/>
      <c r="DW48" s="995"/>
      <c r="DX48" s="995"/>
      <c r="DY48" s="995"/>
      <c r="DZ48" s="996"/>
      <c r="EA48" s="230"/>
    </row>
    <row r="49" spans="1:131" ht="26.25" customHeight="1" x14ac:dyDescent="0.2">
      <c r="A49" s="238">
        <v>22</v>
      </c>
      <c r="B49" s="1032"/>
      <c r="C49" s="1033"/>
      <c r="D49" s="1033"/>
      <c r="E49" s="1033"/>
      <c r="F49" s="1033"/>
      <c r="G49" s="1033"/>
      <c r="H49" s="1033"/>
      <c r="I49" s="1033"/>
      <c r="J49" s="1033"/>
      <c r="K49" s="1033"/>
      <c r="L49" s="1033"/>
      <c r="M49" s="1033"/>
      <c r="N49" s="1033"/>
      <c r="O49" s="1033"/>
      <c r="P49" s="1034"/>
      <c r="Q49" s="1040"/>
      <c r="R49" s="1041"/>
      <c r="S49" s="1041"/>
      <c r="T49" s="1041"/>
      <c r="U49" s="1041"/>
      <c r="V49" s="1041"/>
      <c r="W49" s="1041"/>
      <c r="X49" s="1041"/>
      <c r="Y49" s="1041"/>
      <c r="Z49" s="1041"/>
      <c r="AA49" s="1041"/>
      <c r="AB49" s="1041"/>
      <c r="AC49" s="1041"/>
      <c r="AD49" s="1041"/>
      <c r="AE49" s="1042"/>
      <c r="AF49" s="1037"/>
      <c r="AG49" s="1038"/>
      <c r="AH49" s="1038"/>
      <c r="AI49" s="1038"/>
      <c r="AJ49" s="1039"/>
      <c r="AK49" s="980"/>
      <c r="AL49" s="971"/>
      <c r="AM49" s="971"/>
      <c r="AN49" s="971"/>
      <c r="AO49" s="971"/>
      <c r="AP49" s="971"/>
      <c r="AQ49" s="971"/>
      <c r="AR49" s="971"/>
      <c r="AS49" s="971"/>
      <c r="AT49" s="971"/>
      <c r="AU49" s="971"/>
      <c r="AV49" s="971"/>
      <c r="AW49" s="971"/>
      <c r="AX49" s="971"/>
      <c r="AY49" s="971"/>
      <c r="AZ49" s="1043"/>
      <c r="BA49" s="1043"/>
      <c r="BB49" s="1043"/>
      <c r="BC49" s="1043"/>
      <c r="BD49" s="1043"/>
      <c r="BE49" s="972"/>
      <c r="BF49" s="972"/>
      <c r="BG49" s="972"/>
      <c r="BH49" s="972"/>
      <c r="BI49" s="973"/>
      <c r="BJ49" s="232"/>
      <c r="BK49" s="232"/>
      <c r="BL49" s="232"/>
      <c r="BM49" s="232"/>
      <c r="BN49" s="232"/>
      <c r="BO49" s="241"/>
      <c r="BP49" s="241"/>
      <c r="BQ49" s="238">
        <v>43</v>
      </c>
      <c r="BR49" s="239"/>
      <c r="BS49" s="994"/>
      <c r="BT49" s="995"/>
      <c r="BU49" s="995"/>
      <c r="BV49" s="995"/>
      <c r="BW49" s="995"/>
      <c r="BX49" s="995"/>
      <c r="BY49" s="995"/>
      <c r="BZ49" s="995"/>
      <c r="CA49" s="995"/>
      <c r="CB49" s="995"/>
      <c r="CC49" s="995"/>
      <c r="CD49" s="995"/>
      <c r="CE49" s="995"/>
      <c r="CF49" s="995"/>
      <c r="CG49" s="1016"/>
      <c r="CH49" s="991"/>
      <c r="CI49" s="992"/>
      <c r="CJ49" s="992"/>
      <c r="CK49" s="992"/>
      <c r="CL49" s="993"/>
      <c r="CM49" s="991"/>
      <c r="CN49" s="992"/>
      <c r="CO49" s="992"/>
      <c r="CP49" s="992"/>
      <c r="CQ49" s="993"/>
      <c r="CR49" s="991"/>
      <c r="CS49" s="992"/>
      <c r="CT49" s="992"/>
      <c r="CU49" s="992"/>
      <c r="CV49" s="993"/>
      <c r="CW49" s="991"/>
      <c r="CX49" s="992"/>
      <c r="CY49" s="992"/>
      <c r="CZ49" s="992"/>
      <c r="DA49" s="993"/>
      <c r="DB49" s="991"/>
      <c r="DC49" s="992"/>
      <c r="DD49" s="992"/>
      <c r="DE49" s="992"/>
      <c r="DF49" s="993"/>
      <c r="DG49" s="991"/>
      <c r="DH49" s="992"/>
      <c r="DI49" s="992"/>
      <c r="DJ49" s="992"/>
      <c r="DK49" s="993"/>
      <c r="DL49" s="991"/>
      <c r="DM49" s="992"/>
      <c r="DN49" s="992"/>
      <c r="DO49" s="992"/>
      <c r="DP49" s="993"/>
      <c r="DQ49" s="991"/>
      <c r="DR49" s="992"/>
      <c r="DS49" s="992"/>
      <c r="DT49" s="992"/>
      <c r="DU49" s="993"/>
      <c r="DV49" s="994"/>
      <c r="DW49" s="995"/>
      <c r="DX49" s="995"/>
      <c r="DY49" s="995"/>
      <c r="DZ49" s="996"/>
      <c r="EA49" s="230"/>
    </row>
    <row r="50" spans="1:131" ht="26.25" customHeight="1" x14ac:dyDescent="0.2">
      <c r="A50" s="238">
        <v>23</v>
      </c>
      <c r="B50" s="1032"/>
      <c r="C50" s="1033"/>
      <c r="D50" s="1033"/>
      <c r="E50" s="1033"/>
      <c r="F50" s="1033"/>
      <c r="G50" s="1033"/>
      <c r="H50" s="1033"/>
      <c r="I50" s="1033"/>
      <c r="J50" s="1033"/>
      <c r="K50" s="1033"/>
      <c r="L50" s="1033"/>
      <c r="M50" s="1033"/>
      <c r="N50" s="1033"/>
      <c r="O50" s="1033"/>
      <c r="P50" s="1034"/>
      <c r="Q50" s="1035"/>
      <c r="R50" s="1027"/>
      <c r="S50" s="1027"/>
      <c r="T50" s="1027"/>
      <c r="U50" s="1027"/>
      <c r="V50" s="1027"/>
      <c r="W50" s="1027"/>
      <c r="X50" s="1027"/>
      <c r="Y50" s="1027"/>
      <c r="Z50" s="1027"/>
      <c r="AA50" s="1027"/>
      <c r="AB50" s="1027"/>
      <c r="AC50" s="1027"/>
      <c r="AD50" s="1027"/>
      <c r="AE50" s="1036"/>
      <c r="AF50" s="1037"/>
      <c r="AG50" s="1038"/>
      <c r="AH50" s="1038"/>
      <c r="AI50" s="1038"/>
      <c r="AJ50" s="1039"/>
      <c r="AK50" s="1026"/>
      <c r="AL50" s="1027"/>
      <c r="AM50" s="1027"/>
      <c r="AN50" s="1027"/>
      <c r="AO50" s="1027"/>
      <c r="AP50" s="1027"/>
      <c r="AQ50" s="1027"/>
      <c r="AR50" s="1027"/>
      <c r="AS50" s="1027"/>
      <c r="AT50" s="1027"/>
      <c r="AU50" s="1027"/>
      <c r="AV50" s="1027"/>
      <c r="AW50" s="1027"/>
      <c r="AX50" s="1027"/>
      <c r="AY50" s="1027"/>
      <c r="AZ50" s="1028"/>
      <c r="BA50" s="1028"/>
      <c r="BB50" s="1028"/>
      <c r="BC50" s="1028"/>
      <c r="BD50" s="1028"/>
      <c r="BE50" s="972"/>
      <c r="BF50" s="972"/>
      <c r="BG50" s="972"/>
      <c r="BH50" s="972"/>
      <c r="BI50" s="973"/>
      <c r="BJ50" s="232"/>
      <c r="BK50" s="232"/>
      <c r="BL50" s="232"/>
      <c r="BM50" s="232"/>
      <c r="BN50" s="232"/>
      <c r="BO50" s="241"/>
      <c r="BP50" s="241"/>
      <c r="BQ50" s="238">
        <v>44</v>
      </c>
      <c r="BR50" s="239"/>
      <c r="BS50" s="994"/>
      <c r="BT50" s="995"/>
      <c r="BU50" s="995"/>
      <c r="BV50" s="995"/>
      <c r="BW50" s="995"/>
      <c r="BX50" s="995"/>
      <c r="BY50" s="995"/>
      <c r="BZ50" s="995"/>
      <c r="CA50" s="995"/>
      <c r="CB50" s="995"/>
      <c r="CC50" s="995"/>
      <c r="CD50" s="995"/>
      <c r="CE50" s="995"/>
      <c r="CF50" s="995"/>
      <c r="CG50" s="1016"/>
      <c r="CH50" s="991"/>
      <c r="CI50" s="992"/>
      <c r="CJ50" s="992"/>
      <c r="CK50" s="992"/>
      <c r="CL50" s="993"/>
      <c r="CM50" s="991"/>
      <c r="CN50" s="992"/>
      <c r="CO50" s="992"/>
      <c r="CP50" s="992"/>
      <c r="CQ50" s="993"/>
      <c r="CR50" s="991"/>
      <c r="CS50" s="992"/>
      <c r="CT50" s="992"/>
      <c r="CU50" s="992"/>
      <c r="CV50" s="993"/>
      <c r="CW50" s="991"/>
      <c r="CX50" s="992"/>
      <c r="CY50" s="992"/>
      <c r="CZ50" s="992"/>
      <c r="DA50" s="993"/>
      <c r="DB50" s="991"/>
      <c r="DC50" s="992"/>
      <c r="DD50" s="992"/>
      <c r="DE50" s="992"/>
      <c r="DF50" s="993"/>
      <c r="DG50" s="991"/>
      <c r="DH50" s="992"/>
      <c r="DI50" s="992"/>
      <c r="DJ50" s="992"/>
      <c r="DK50" s="993"/>
      <c r="DL50" s="991"/>
      <c r="DM50" s="992"/>
      <c r="DN50" s="992"/>
      <c r="DO50" s="992"/>
      <c r="DP50" s="993"/>
      <c r="DQ50" s="991"/>
      <c r="DR50" s="992"/>
      <c r="DS50" s="992"/>
      <c r="DT50" s="992"/>
      <c r="DU50" s="993"/>
      <c r="DV50" s="994"/>
      <c r="DW50" s="995"/>
      <c r="DX50" s="995"/>
      <c r="DY50" s="995"/>
      <c r="DZ50" s="996"/>
      <c r="EA50" s="230"/>
    </row>
    <row r="51" spans="1:131" ht="26.25" customHeight="1" x14ac:dyDescent="0.2">
      <c r="A51" s="238">
        <v>24</v>
      </c>
      <c r="B51" s="1032"/>
      <c r="C51" s="1033"/>
      <c r="D51" s="1033"/>
      <c r="E51" s="1033"/>
      <c r="F51" s="1033"/>
      <c r="G51" s="1033"/>
      <c r="H51" s="1033"/>
      <c r="I51" s="1033"/>
      <c r="J51" s="1033"/>
      <c r="K51" s="1033"/>
      <c r="L51" s="1033"/>
      <c r="M51" s="1033"/>
      <c r="N51" s="1033"/>
      <c r="O51" s="1033"/>
      <c r="P51" s="1034"/>
      <c r="Q51" s="1035"/>
      <c r="R51" s="1027"/>
      <c r="S51" s="1027"/>
      <c r="T51" s="1027"/>
      <c r="U51" s="1027"/>
      <c r="V51" s="1027"/>
      <c r="W51" s="1027"/>
      <c r="X51" s="1027"/>
      <c r="Y51" s="1027"/>
      <c r="Z51" s="1027"/>
      <c r="AA51" s="1027"/>
      <c r="AB51" s="1027"/>
      <c r="AC51" s="1027"/>
      <c r="AD51" s="1027"/>
      <c r="AE51" s="1036"/>
      <c r="AF51" s="1037"/>
      <c r="AG51" s="1038"/>
      <c r="AH51" s="1038"/>
      <c r="AI51" s="1038"/>
      <c r="AJ51" s="1039"/>
      <c r="AK51" s="1026"/>
      <c r="AL51" s="1027"/>
      <c r="AM51" s="1027"/>
      <c r="AN51" s="1027"/>
      <c r="AO51" s="1027"/>
      <c r="AP51" s="1027"/>
      <c r="AQ51" s="1027"/>
      <c r="AR51" s="1027"/>
      <c r="AS51" s="1027"/>
      <c r="AT51" s="1027"/>
      <c r="AU51" s="1027"/>
      <c r="AV51" s="1027"/>
      <c r="AW51" s="1027"/>
      <c r="AX51" s="1027"/>
      <c r="AY51" s="1027"/>
      <c r="AZ51" s="1028"/>
      <c r="BA51" s="1028"/>
      <c r="BB51" s="1028"/>
      <c r="BC51" s="1028"/>
      <c r="BD51" s="1028"/>
      <c r="BE51" s="972"/>
      <c r="BF51" s="972"/>
      <c r="BG51" s="972"/>
      <c r="BH51" s="972"/>
      <c r="BI51" s="973"/>
      <c r="BJ51" s="232"/>
      <c r="BK51" s="232"/>
      <c r="BL51" s="232"/>
      <c r="BM51" s="232"/>
      <c r="BN51" s="232"/>
      <c r="BO51" s="241"/>
      <c r="BP51" s="241"/>
      <c r="BQ51" s="238">
        <v>45</v>
      </c>
      <c r="BR51" s="239"/>
      <c r="BS51" s="994"/>
      <c r="BT51" s="995"/>
      <c r="BU51" s="995"/>
      <c r="BV51" s="995"/>
      <c r="BW51" s="995"/>
      <c r="BX51" s="995"/>
      <c r="BY51" s="995"/>
      <c r="BZ51" s="995"/>
      <c r="CA51" s="995"/>
      <c r="CB51" s="995"/>
      <c r="CC51" s="995"/>
      <c r="CD51" s="995"/>
      <c r="CE51" s="995"/>
      <c r="CF51" s="995"/>
      <c r="CG51" s="1016"/>
      <c r="CH51" s="991"/>
      <c r="CI51" s="992"/>
      <c r="CJ51" s="992"/>
      <c r="CK51" s="992"/>
      <c r="CL51" s="993"/>
      <c r="CM51" s="991"/>
      <c r="CN51" s="992"/>
      <c r="CO51" s="992"/>
      <c r="CP51" s="992"/>
      <c r="CQ51" s="993"/>
      <c r="CR51" s="991"/>
      <c r="CS51" s="992"/>
      <c r="CT51" s="992"/>
      <c r="CU51" s="992"/>
      <c r="CV51" s="993"/>
      <c r="CW51" s="991"/>
      <c r="CX51" s="992"/>
      <c r="CY51" s="992"/>
      <c r="CZ51" s="992"/>
      <c r="DA51" s="993"/>
      <c r="DB51" s="991"/>
      <c r="DC51" s="992"/>
      <c r="DD51" s="992"/>
      <c r="DE51" s="992"/>
      <c r="DF51" s="993"/>
      <c r="DG51" s="991"/>
      <c r="DH51" s="992"/>
      <c r="DI51" s="992"/>
      <c r="DJ51" s="992"/>
      <c r="DK51" s="993"/>
      <c r="DL51" s="991"/>
      <c r="DM51" s="992"/>
      <c r="DN51" s="992"/>
      <c r="DO51" s="992"/>
      <c r="DP51" s="993"/>
      <c r="DQ51" s="991"/>
      <c r="DR51" s="992"/>
      <c r="DS51" s="992"/>
      <c r="DT51" s="992"/>
      <c r="DU51" s="993"/>
      <c r="DV51" s="994"/>
      <c r="DW51" s="995"/>
      <c r="DX51" s="995"/>
      <c r="DY51" s="995"/>
      <c r="DZ51" s="996"/>
      <c r="EA51" s="230"/>
    </row>
    <row r="52" spans="1:131" ht="26.25" customHeight="1" x14ac:dyDescent="0.2">
      <c r="A52" s="238">
        <v>25</v>
      </c>
      <c r="B52" s="1032"/>
      <c r="C52" s="1033"/>
      <c r="D52" s="1033"/>
      <c r="E52" s="1033"/>
      <c r="F52" s="1033"/>
      <c r="G52" s="1033"/>
      <c r="H52" s="1033"/>
      <c r="I52" s="1033"/>
      <c r="J52" s="1033"/>
      <c r="K52" s="1033"/>
      <c r="L52" s="1033"/>
      <c r="M52" s="1033"/>
      <c r="N52" s="1033"/>
      <c r="O52" s="1033"/>
      <c r="P52" s="1034"/>
      <c r="Q52" s="1035"/>
      <c r="R52" s="1027"/>
      <c r="S52" s="1027"/>
      <c r="T52" s="1027"/>
      <c r="U52" s="1027"/>
      <c r="V52" s="1027"/>
      <c r="W52" s="1027"/>
      <c r="X52" s="1027"/>
      <c r="Y52" s="1027"/>
      <c r="Z52" s="1027"/>
      <c r="AA52" s="1027"/>
      <c r="AB52" s="1027"/>
      <c r="AC52" s="1027"/>
      <c r="AD52" s="1027"/>
      <c r="AE52" s="1036"/>
      <c r="AF52" s="1037"/>
      <c r="AG52" s="1038"/>
      <c r="AH52" s="1038"/>
      <c r="AI52" s="1038"/>
      <c r="AJ52" s="1039"/>
      <c r="AK52" s="1026"/>
      <c r="AL52" s="1027"/>
      <c r="AM52" s="1027"/>
      <c r="AN52" s="1027"/>
      <c r="AO52" s="1027"/>
      <c r="AP52" s="1027"/>
      <c r="AQ52" s="1027"/>
      <c r="AR52" s="1027"/>
      <c r="AS52" s="1027"/>
      <c r="AT52" s="1027"/>
      <c r="AU52" s="1027"/>
      <c r="AV52" s="1027"/>
      <c r="AW52" s="1027"/>
      <c r="AX52" s="1027"/>
      <c r="AY52" s="1027"/>
      <c r="AZ52" s="1028"/>
      <c r="BA52" s="1028"/>
      <c r="BB52" s="1028"/>
      <c r="BC52" s="1028"/>
      <c r="BD52" s="1028"/>
      <c r="BE52" s="972"/>
      <c r="BF52" s="972"/>
      <c r="BG52" s="972"/>
      <c r="BH52" s="972"/>
      <c r="BI52" s="973"/>
      <c r="BJ52" s="232"/>
      <c r="BK52" s="232"/>
      <c r="BL52" s="232"/>
      <c r="BM52" s="232"/>
      <c r="BN52" s="232"/>
      <c r="BO52" s="241"/>
      <c r="BP52" s="241"/>
      <c r="BQ52" s="238">
        <v>46</v>
      </c>
      <c r="BR52" s="239"/>
      <c r="BS52" s="994"/>
      <c r="BT52" s="995"/>
      <c r="BU52" s="995"/>
      <c r="BV52" s="995"/>
      <c r="BW52" s="995"/>
      <c r="BX52" s="995"/>
      <c r="BY52" s="995"/>
      <c r="BZ52" s="995"/>
      <c r="CA52" s="995"/>
      <c r="CB52" s="995"/>
      <c r="CC52" s="995"/>
      <c r="CD52" s="995"/>
      <c r="CE52" s="995"/>
      <c r="CF52" s="995"/>
      <c r="CG52" s="1016"/>
      <c r="CH52" s="991"/>
      <c r="CI52" s="992"/>
      <c r="CJ52" s="992"/>
      <c r="CK52" s="992"/>
      <c r="CL52" s="993"/>
      <c r="CM52" s="991"/>
      <c r="CN52" s="992"/>
      <c r="CO52" s="992"/>
      <c r="CP52" s="992"/>
      <c r="CQ52" s="993"/>
      <c r="CR52" s="991"/>
      <c r="CS52" s="992"/>
      <c r="CT52" s="992"/>
      <c r="CU52" s="992"/>
      <c r="CV52" s="993"/>
      <c r="CW52" s="991"/>
      <c r="CX52" s="992"/>
      <c r="CY52" s="992"/>
      <c r="CZ52" s="992"/>
      <c r="DA52" s="993"/>
      <c r="DB52" s="991"/>
      <c r="DC52" s="992"/>
      <c r="DD52" s="992"/>
      <c r="DE52" s="992"/>
      <c r="DF52" s="993"/>
      <c r="DG52" s="991"/>
      <c r="DH52" s="992"/>
      <c r="DI52" s="992"/>
      <c r="DJ52" s="992"/>
      <c r="DK52" s="993"/>
      <c r="DL52" s="991"/>
      <c r="DM52" s="992"/>
      <c r="DN52" s="992"/>
      <c r="DO52" s="992"/>
      <c r="DP52" s="993"/>
      <c r="DQ52" s="991"/>
      <c r="DR52" s="992"/>
      <c r="DS52" s="992"/>
      <c r="DT52" s="992"/>
      <c r="DU52" s="993"/>
      <c r="DV52" s="994"/>
      <c r="DW52" s="995"/>
      <c r="DX52" s="995"/>
      <c r="DY52" s="995"/>
      <c r="DZ52" s="996"/>
      <c r="EA52" s="230"/>
    </row>
    <row r="53" spans="1:131" ht="26.25" customHeight="1" x14ac:dyDescent="0.2">
      <c r="A53" s="238">
        <v>26</v>
      </c>
      <c r="B53" s="1032"/>
      <c r="C53" s="1033"/>
      <c r="D53" s="1033"/>
      <c r="E53" s="1033"/>
      <c r="F53" s="1033"/>
      <c r="G53" s="1033"/>
      <c r="H53" s="1033"/>
      <c r="I53" s="1033"/>
      <c r="J53" s="1033"/>
      <c r="K53" s="1033"/>
      <c r="L53" s="1033"/>
      <c r="M53" s="1033"/>
      <c r="N53" s="1033"/>
      <c r="O53" s="1033"/>
      <c r="P53" s="1034"/>
      <c r="Q53" s="1035"/>
      <c r="R53" s="1027"/>
      <c r="S53" s="1027"/>
      <c r="T53" s="1027"/>
      <c r="U53" s="1027"/>
      <c r="V53" s="1027"/>
      <c r="W53" s="1027"/>
      <c r="X53" s="1027"/>
      <c r="Y53" s="1027"/>
      <c r="Z53" s="1027"/>
      <c r="AA53" s="1027"/>
      <c r="AB53" s="1027"/>
      <c r="AC53" s="1027"/>
      <c r="AD53" s="1027"/>
      <c r="AE53" s="1036"/>
      <c r="AF53" s="1037"/>
      <c r="AG53" s="1038"/>
      <c r="AH53" s="1038"/>
      <c r="AI53" s="1038"/>
      <c r="AJ53" s="1039"/>
      <c r="AK53" s="1026"/>
      <c r="AL53" s="1027"/>
      <c r="AM53" s="1027"/>
      <c r="AN53" s="1027"/>
      <c r="AO53" s="1027"/>
      <c r="AP53" s="1027"/>
      <c r="AQ53" s="1027"/>
      <c r="AR53" s="1027"/>
      <c r="AS53" s="1027"/>
      <c r="AT53" s="1027"/>
      <c r="AU53" s="1027"/>
      <c r="AV53" s="1027"/>
      <c r="AW53" s="1027"/>
      <c r="AX53" s="1027"/>
      <c r="AY53" s="1027"/>
      <c r="AZ53" s="1028"/>
      <c r="BA53" s="1028"/>
      <c r="BB53" s="1028"/>
      <c r="BC53" s="1028"/>
      <c r="BD53" s="1028"/>
      <c r="BE53" s="972"/>
      <c r="BF53" s="972"/>
      <c r="BG53" s="972"/>
      <c r="BH53" s="972"/>
      <c r="BI53" s="973"/>
      <c r="BJ53" s="232"/>
      <c r="BK53" s="232"/>
      <c r="BL53" s="232"/>
      <c r="BM53" s="232"/>
      <c r="BN53" s="232"/>
      <c r="BO53" s="241"/>
      <c r="BP53" s="241"/>
      <c r="BQ53" s="238">
        <v>47</v>
      </c>
      <c r="BR53" s="239"/>
      <c r="BS53" s="994"/>
      <c r="BT53" s="995"/>
      <c r="BU53" s="995"/>
      <c r="BV53" s="995"/>
      <c r="BW53" s="995"/>
      <c r="BX53" s="995"/>
      <c r="BY53" s="995"/>
      <c r="BZ53" s="995"/>
      <c r="CA53" s="995"/>
      <c r="CB53" s="995"/>
      <c r="CC53" s="995"/>
      <c r="CD53" s="995"/>
      <c r="CE53" s="995"/>
      <c r="CF53" s="995"/>
      <c r="CG53" s="1016"/>
      <c r="CH53" s="991"/>
      <c r="CI53" s="992"/>
      <c r="CJ53" s="992"/>
      <c r="CK53" s="992"/>
      <c r="CL53" s="993"/>
      <c r="CM53" s="991"/>
      <c r="CN53" s="992"/>
      <c r="CO53" s="992"/>
      <c r="CP53" s="992"/>
      <c r="CQ53" s="993"/>
      <c r="CR53" s="991"/>
      <c r="CS53" s="992"/>
      <c r="CT53" s="992"/>
      <c r="CU53" s="992"/>
      <c r="CV53" s="993"/>
      <c r="CW53" s="991"/>
      <c r="CX53" s="992"/>
      <c r="CY53" s="992"/>
      <c r="CZ53" s="992"/>
      <c r="DA53" s="993"/>
      <c r="DB53" s="991"/>
      <c r="DC53" s="992"/>
      <c r="DD53" s="992"/>
      <c r="DE53" s="992"/>
      <c r="DF53" s="993"/>
      <c r="DG53" s="991"/>
      <c r="DH53" s="992"/>
      <c r="DI53" s="992"/>
      <c r="DJ53" s="992"/>
      <c r="DK53" s="993"/>
      <c r="DL53" s="991"/>
      <c r="DM53" s="992"/>
      <c r="DN53" s="992"/>
      <c r="DO53" s="992"/>
      <c r="DP53" s="993"/>
      <c r="DQ53" s="991"/>
      <c r="DR53" s="992"/>
      <c r="DS53" s="992"/>
      <c r="DT53" s="992"/>
      <c r="DU53" s="993"/>
      <c r="DV53" s="994"/>
      <c r="DW53" s="995"/>
      <c r="DX53" s="995"/>
      <c r="DY53" s="995"/>
      <c r="DZ53" s="996"/>
      <c r="EA53" s="230"/>
    </row>
    <row r="54" spans="1:131" ht="26.25" customHeight="1" x14ac:dyDescent="0.2">
      <c r="A54" s="238">
        <v>27</v>
      </c>
      <c r="B54" s="1032"/>
      <c r="C54" s="1033"/>
      <c r="D54" s="1033"/>
      <c r="E54" s="1033"/>
      <c r="F54" s="1033"/>
      <c r="G54" s="1033"/>
      <c r="H54" s="1033"/>
      <c r="I54" s="1033"/>
      <c r="J54" s="1033"/>
      <c r="K54" s="1033"/>
      <c r="L54" s="1033"/>
      <c r="M54" s="1033"/>
      <c r="N54" s="1033"/>
      <c r="O54" s="1033"/>
      <c r="P54" s="1034"/>
      <c r="Q54" s="1035"/>
      <c r="R54" s="1027"/>
      <c r="S54" s="1027"/>
      <c r="T54" s="1027"/>
      <c r="U54" s="1027"/>
      <c r="V54" s="1027"/>
      <c r="W54" s="1027"/>
      <c r="X54" s="1027"/>
      <c r="Y54" s="1027"/>
      <c r="Z54" s="1027"/>
      <c r="AA54" s="1027"/>
      <c r="AB54" s="1027"/>
      <c r="AC54" s="1027"/>
      <c r="AD54" s="1027"/>
      <c r="AE54" s="1036"/>
      <c r="AF54" s="1037"/>
      <c r="AG54" s="1038"/>
      <c r="AH54" s="1038"/>
      <c r="AI54" s="1038"/>
      <c r="AJ54" s="1039"/>
      <c r="AK54" s="1026"/>
      <c r="AL54" s="1027"/>
      <c r="AM54" s="1027"/>
      <c r="AN54" s="1027"/>
      <c r="AO54" s="1027"/>
      <c r="AP54" s="1027"/>
      <c r="AQ54" s="1027"/>
      <c r="AR54" s="1027"/>
      <c r="AS54" s="1027"/>
      <c r="AT54" s="1027"/>
      <c r="AU54" s="1027"/>
      <c r="AV54" s="1027"/>
      <c r="AW54" s="1027"/>
      <c r="AX54" s="1027"/>
      <c r="AY54" s="1027"/>
      <c r="AZ54" s="1028"/>
      <c r="BA54" s="1028"/>
      <c r="BB54" s="1028"/>
      <c r="BC54" s="1028"/>
      <c r="BD54" s="1028"/>
      <c r="BE54" s="972"/>
      <c r="BF54" s="972"/>
      <c r="BG54" s="972"/>
      <c r="BH54" s="972"/>
      <c r="BI54" s="973"/>
      <c r="BJ54" s="232"/>
      <c r="BK54" s="232"/>
      <c r="BL54" s="232"/>
      <c r="BM54" s="232"/>
      <c r="BN54" s="232"/>
      <c r="BO54" s="241"/>
      <c r="BP54" s="241"/>
      <c r="BQ54" s="238">
        <v>48</v>
      </c>
      <c r="BR54" s="239"/>
      <c r="BS54" s="994"/>
      <c r="BT54" s="995"/>
      <c r="BU54" s="995"/>
      <c r="BV54" s="995"/>
      <c r="BW54" s="995"/>
      <c r="BX54" s="995"/>
      <c r="BY54" s="995"/>
      <c r="BZ54" s="995"/>
      <c r="CA54" s="995"/>
      <c r="CB54" s="995"/>
      <c r="CC54" s="995"/>
      <c r="CD54" s="995"/>
      <c r="CE54" s="995"/>
      <c r="CF54" s="995"/>
      <c r="CG54" s="1016"/>
      <c r="CH54" s="991"/>
      <c r="CI54" s="992"/>
      <c r="CJ54" s="992"/>
      <c r="CK54" s="992"/>
      <c r="CL54" s="993"/>
      <c r="CM54" s="991"/>
      <c r="CN54" s="992"/>
      <c r="CO54" s="992"/>
      <c r="CP54" s="992"/>
      <c r="CQ54" s="993"/>
      <c r="CR54" s="991"/>
      <c r="CS54" s="992"/>
      <c r="CT54" s="992"/>
      <c r="CU54" s="992"/>
      <c r="CV54" s="993"/>
      <c r="CW54" s="991"/>
      <c r="CX54" s="992"/>
      <c r="CY54" s="992"/>
      <c r="CZ54" s="992"/>
      <c r="DA54" s="993"/>
      <c r="DB54" s="991"/>
      <c r="DC54" s="992"/>
      <c r="DD54" s="992"/>
      <c r="DE54" s="992"/>
      <c r="DF54" s="993"/>
      <c r="DG54" s="991"/>
      <c r="DH54" s="992"/>
      <c r="DI54" s="992"/>
      <c r="DJ54" s="992"/>
      <c r="DK54" s="993"/>
      <c r="DL54" s="991"/>
      <c r="DM54" s="992"/>
      <c r="DN54" s="992"/>
      <c r="DO54" s="992"/>
      <c r="DP54" s="993"/>
      <c r="DQ54" s="991"/>
      <c r="DR54" s="992"/>
      <c r="DS54" s="992"/>
      <c r="DT54" s="992"/>
      <c r="DU54" s="993"/>
      <c r="DV54" s="994"/>
      <c r="DW54" s="995"/>
      <c r="DX54" s="995"/>
      <c r="DY54" s="995"/>
      <c r="DZ54" s="996"/>
      <c r="EA54" s="230"/>
    </row>
    <row r="55" spans="1:131" ht="26.25" customHeight="1" x14ac:dyDescent="0.2">
      <c r="A55" s="238">
        <v>28</v>
      </c>
      <c r="B55" s="1032"/>
      <c r="C55" s="1033"/>
      <c r="D55" s="1033"/>
      <c r="E55" s="1033"/>
      <c r="F55" s="1033"/>
      <c r="G55" s="1033"/>
      <c r="H55" s="1033"/>
      <c r="I55" s="1033"/>
      <c r="J55" s="1033"/>
      <c r="K55" s="1033"/>
      <c r="L55" s="1033"/>
      <c r="M55" s="1033"/>
      <c r="N55" s="1033"/>
      <c r="O55" s="1033"/>
      <c r="P55" s="1034"/>
      <c r="Q55" s="1035"/>
      <c r="R55" s="1027"/>
      <c r="S55" s="1027"/>
      <c r="T55" s="1027"/>
      <c r="U55" s="1027"/>
      <c r="V55" s="1027"/>
      <c r="W55" s="1027"/>
      <c r="X55" s="1027"/>
      <c r="Y55" s="1027"/>
      <c r="Z55" s="1027"/>
      <c r="AA55" s="1027"/>
      <c r="AB55" s="1027"/>
      <c r="AC55" s="1027"/>
      <c r="AD55" s="1027"/>
      <c r="AE55" s="1036"/>
      <c r="AF55" s="1037"/>
      <c r="AG55" s="1038"/>
      <c r="AH55" s="1038"/>
      <c r="AI55" s="1038"/>
      <c r="AJ55" s="1039"/>
      <c r="AK55" s="1026"/>
      <c r="AL55" s="1027"/>
      <c r="AM55" s="1027"/>
      <c r="AN55" s="1027"/>
      <c r="AO55" s="1027"/>
      <c r="AP55" s="1027"/>
      <c r="AQ55" s="1027"/>
      <c r="AR55" s="1027"/>
      <c r="AS55" s="1027"/>
      <c r="AT55" s="1027"/>
      <c r="AU55" s="1027"/>
      <c r="AV55" s="1027"/>
      <c r="AW55" s="1027"/>
      <c r="AX55" s="1027"/>
      <c r="AY55" s="1027"/>
      <c r="AZ55" s="1028"/>
      <c r="BA55" s="1028"/>
      <c r="BB55" s="1028"/>
      <c r="BC55" s="1028"/>
      <c r="BD55" s="1028"/>
      <c r="BE55" s="972"/>
      <c r="BF55" s="972"/>
      <c r="BG55" s="972"/>
      <c r="BH55" s="972"/>
      <c r="BI55" s="973"/>
      <c r="BJ55" s="232"/>
      <c r="BK55" s="232"/>
      <c r="BL55" s="232"/>
      <c r="BM55" s="232"/>
      <c r="BN55" s="232"/>
      <c r="BO55" s="241"/>
      <c r="BP55" s="241"/>
      <c r="BQ55" s="238">
        <v>49</v>
      </c>
      <c r="BR55" s="239"/>
      <c r="BS55" s="994"/>
      <c r="BT55" s="995"/>
      <c r="BU55" s="995"/>
      <c r="BV55" s="995"/>
      <c r="BW55" s="995"/>
      <c r="BX55" s="995"/>
      <c r="BY55" s="995"/>
      <c r="BZ55" s="995"/>
      <c r="CA55" s="995"/>
      <c r="CB55" s="995"/>
      <c r="CC55" s="995"/>
      <c r="CD55" s="995"/>
      <c r="CE55" s="995"/>
      <c r="CF55" s="995"/>
      <c r="CG55" s="1016"/>
      <c r="CH55" s="991"/>
      <c r="CI55" s="992"/>
      <c r="CJ55" s="992"/>
      <c r="CK55" s="992"/>
      <c r="CL55" s="993"/>
      <c r="CM55" s="991"/>
      <c r="CN55" s="992"/>
      <c r="CO55" s="992"/>
      <c r="CP55" s="992"/>
      <c r="CQ55" s="993"/>
      <c r="CR55" s="991"/>
      <c r="CS55" s="992"/>
      <c r="CT55" s="992"/>
      <c r="CU55" s="992"/>
      <c r="CV55" s="993"/>
      <c r="CW55" s="991"/>
      <c r="CX55" s="992"/>
      <c r="CY55" s="992"/>
      <c r="CZ55" s="992"/>
      <c r="DA55" s="993"/>
      <c r="DB55" s="991"/>
      <c r="DC55" s="992"/>
      <c r="DD55" s="992"/>
      <c r="DE55" s="992"/>
      <c r="DF55" s="993"/>
      <c r="DG55" s="991"/>
      <c r="DH55" s="992"/>
      <c r="DI55" s="992"/>
      <c r="DJ55" s="992"/>
      <c r="DK55" s="993"/>
      <c r="DL55" s="991"/>
      <c r="DM55" s="992"/>
      <c r="DN55" s="992"/>
      <c r="DO55" s="992"/>
      <c r="DP55" s="993"/>
      <c r="DQ55" s="991"/>
      <c r="DR55" s="992"/>
      <c r="DS55" s="992"/>
      <c r="DT55" s="992"/>
      <c r="DU55" s="993"/>
      <c r="DV55" s="994"/>
      <c r="DW55" s="995"/>
      <c r="DX55" s="995"/>
      <c r="DY55" s="995"/>
      <c r="DZ55" s="996"/>
      <c r="EA55" s="230"/>
    </row>
    <row r="56" spans="1:131" ht="26.25" customHeight="1" x14ac:dyDescent="0.2">
      <c r="A56" s="238">
        <v>29</v>
      </c>
      <c r="B56" s="1032"/>
      <c r="C56" s="1033"/>
      <c r="D56" s="1033"/>
      <c r="E56" s="1033"/>
      <c r="F56" s="1033"/>
      <c r="G56" s="1033"/>
      <c r="H56" s="1033"/>
      <c r="I56" s="1033"/>
      <c r="J56" s="1033"/>
      <c r="K56" s="1033"/>
      <c r="L56" s="1033"/>
      <c r="M56" s="1033"/>
      <c r="N56" s="1033"/>
      <c r="O56" s="1033"/>
      <c r="P56" s="1034"/>
      <c r="Q56" s="1035"/>
      <c r="R56" s="1027"/>
      <c r="S56" s="1027"/>
      <c r="T56" s="1027"/>
      <c r="U56" s="1027"/>
      <c r="V56" s="1027"/>
      <c r="W56" s="1027"/>
      <c r="X56" s="1027"/>
      <c r="Y56" s="1027"/>
      <c r="Z56" s="1027"/>
      <c r="AA56" s="1027"/>
      <c r="AB56" s="1027"/>
      <c r="AC56" s="1027"/>
      <c r="AD56" s="1027"/>
      <c r="AE56" s="1036"/>
      <c r="AF56" s="1037"/>
      <c r="AG56" s="1038"/>
      <c r="AH56" s="1038"/>
      <c r="AI56" s="1038"/>
      <c r="AJ56" s="1039"/>
      <c r="AK56" s="1026"/>
      <c r="AL56" s="1027"/>
      <c r="AM56" s="1027"/>
      <c r="AN56" s="1027"/>
      <c r="AO56" s="1027"/>
      <c r="AP56" s="1027"/>
      <c r="AQ56" s="1027"/>
      <c r="AR56" s="1027"/>
      <c r="AS56" s="1027"/>
      <c r="AT56" s="1027"/>
      <c r="AU56" s="1027"/>
      <c r="AV56" s="1027"/>
      <c r="AW56" s="1027"/>
      <c r="AX56" s="1027"/>
      <c r="AY56" s="1027"/>
      <c r="AZ56" s="1028"/>
      <c r="BA56" s="1028"/>
      <c r="BB56" s="1028"/>
      <c r="BC56" s="1028"/>
      <c r="BD56" s="1028"/>
      <c r="BE56" s="972"/>
      <c r="BF56" s="972"/>
      <c r="BG56" s="972"/>
      <c r="BH56" s="972"/>
      <c r="BI56" s="973"/>
      <c r="BJ56" s="232"/>
      <c r="BK56" s="232"/>
      <c r="BL56" s="232"/>
      <c r="BM56" s="232"/>
      <c r="BN56" s="232"/>
      <c r="BO56" s="241"/>
      <c r="BP56" s="241"/>
      <c r="BQ56" s="238">
        <v>50</v>
      </c>
      <c r="BR56" s="239"/>
      <c r="BS56" s="994"/>
      <c r="BT56" s="995"/>
      <c r="BU56" s="995"/>
      <c r="BV56" s="995"/>
      <c r="BW56" s="995"/>
      <c r="BX56" s="995"/>
      <c r="BY56" s="995"/>
      <c r="BZ56" s="995"/>
      <c r="CA56" s="995"/>
      <c r="CB56" s="995"/>
      <c r="CC56" s="995"/>
      <c r="CD56" s="995"/>
      <c r="CE56" s="995"/>
      <c r="CF56" s="995"/>
      <c r="CG56" s="1016"/>
      <c r="CH56" s="991"/>
      <c r="CI56" s="992"/>
      <c r="CJ56" s="992"/>
      <c r="CK56" s="992"/>
      <c r="CL56" s="993"/>
      <c r="CM56" s="991"/>
      <c r="CN56" s="992"/>
      <c r="CO56" s="992"/>
      <c r="CP56" s="992"/>
      <c r="CQ56" s="993"/>
      <c r="CR56" s="991"/>
      <c r="CS56" s="992"/>
      <c r="CT56" s="992"/>
      <c r="CU56" s="992"/>
      <c r="CV56" s="993"/>
      <c r="CW56" s="991"/>
      <c r="CX56" s="992"/>
      <c r="CY56" s="992"/>
      <c r="CZ56" s="992"/>
      <c r="DA56" s="993"/>
      <c r="DB56" s="991"/>
      <c r="DC56" s="992"/>
      <c r="DD56" s="992"/>
      <c r="DE56" s="992"/>
      <c r="DF56" s="993"/>
      <c r="DG56" s="991"/>
      <c r="DH56" s="992"/>
      <c r="DI56" s="992"/>
      <c r="DJ56" s="992"/>
      <c r="DK56" s="993"/>
      <c r="DL56" s="991"/>
      <c r="DM56" s="992"/>
      <c r="DN56" s="992"/>
      <c r="DO56" s="992"/>
      <c r="DP56" s="993"/>
      <c r="DQ56" s="991"/>
      <c r="DR56" s="992"/>
      <c r="DS56" s="992"/>
      <c r="DT56" s="992"/>
      <c r="DU56" s="993"/>
      <c r="DV56" s="994"/>
      <c r="DW56" s="995"/>
      <c r="DX56" s="995"/>
      <c r="DY56" s="995"/>
      <c r="DZ56" s="996"/>
      <c r="EA56" s="230"/>
    </row>
    <row r="57" spans="1:131" ht="26.25" customHeight="1" x14ac:dyDescent="0.2">
      <c r="A57" s="238">
        <v>30</v>
      </c>
      <c r="B57" s="1032"/>
      <c r="C57" s="1033"/>
      <c r="D57" s="1033"/>
      <c r="E57" s="1033"/>
      <c r="F57" s="1033"/>
      <c r="G57" s="1033"/>
      <c r="H57" s="1033"/>
      <c r="I57" s="1033"/>
      <c r="J57" s="1033"/>
      <c r="K57" s="1033"/>
      <c r="L57" s="1033"/>
      <c r="M57" s="1033"/>
      <c r="N57" s="1033"/>
      <c r="O57" s="1033"/>
      <c r="P57" s="1034"/>
      <c r="Q57" s="1035"/>
      <c r="R57" s="1027"/>
      <c r="S57" s="1027"/>
      <c r="T57" s="1027"/>
      <c r="U57" s="1027"/>
      <c r="V57" s="1027"/>
      <c r="W57" s="1027"/>
      <c r="X57" s="1027"/>
      <c r="Y57" s="1027"/>
      <c r="Z57" s="1027"/>
      <c r="AA57" s="1027"/>
      <c r="AB57" s="1027"/>
      <c r="AC57" s="1027"/>
      <c r="AD57" s="1027"/>
      <c r="AE57" s="1036"/>
      <c r="AF57" s="1037"/>
      <c r="AG57" s="1038"/>
      <c r="AH57" s="1038"/>
      <c r="AI57" s="1038"/>
      <c r="AJ57" s="1039"/>
      <c r="AK57" s="1026"/>
      <c r="AL57" s="1027"/>
      <c r="AM57" s="1027"/>
      <c r="AN57" s="1027"/>
      <c r="AO57" s="1027"/>
      <c r="AP57" s="1027"/>
      <c r="AQ57" s="1027"/>
      <c r="AR57" s="1027"/>
      <c r="AS57" s="1027"/>
      <c r="AT57" s="1027"/>
      <c r="AU57" s="1027"/>
      <c r="AV57" s="1027"/>
      <c r="AW57" s="1027"/>
      <c r="AX57" s="1027"/>
      <c r="AY57" s="1027"/>
      <c r="AZ57" s="1028"/>
      <c r="BA57" s="1028"/>
      <c r="BB57" s="1028"/>
      <c r="BC57" s="1028"/>
      <c r="BD57" s="1028"/>
      <c r="BE57" s="972"/>
      <c r="BF57" s="972"/>
      <c r="BG57" s="972"/>
      <c r="BH57" s="972"/>
      <c r="BI57" s="973"/>
      <c r="BJ57" s="232"/>
      <c r="BK57" s="232"/>
      <c r="BL57" s="232"/>
      <c r="BM57" s="232"/>
      <c r="BN57" s="232"/>
      <c r="BO57" s="241"/>
      <c r="BP57" s="241"/>
      <c r="BQ57" s="238">
        <v>51</v>
      </c>
      <c r="BR57" s="239"/>
      <c r="BS57" s="994"/>
      <c r="BT57" s="995"/>
      <c r="BU57" s="995"/>
      <c r="BV57" s="995"/>
      <c r="BW57" s="995"/>
      <c r="BX57" s="995"/>
      <c r="BY57" s="995"/>
      <c r="BZ57" s="995"/>
      <c r="CA57" s="995"/>
      <c r="CB57" s="995"/>
      <c r="CC57" s="995"/>
      <c r="CD57" s="995"/>
      <c r="CE57" s="995"/>
      <c r="CF57" s="995"/>
      <c r="CG57" s="1016"/>
      <c r="CH57" s="991"/>
      <c r="CI57" s="992"/>
      <c r="CJ57" s="992"/>
      <c r="CK57" s="992"/>
      <c r="CL57" s="993"/>
      <c r="CM57" s="991"/>
      <c r="CN57" s="992"/>
      <c r="CO57" s="992"/>
      <c r="CP57" s="992"/>
      <c r="CQ57" s="993"/>
      <c r="CR57" s="991"/>
      <c r="CS57" s="992"/>
      <c r="CT57" s="992"/>
      <c r="CU57" s="992"/>
      <c r="CV57" s="993"/>
      <c r="CW57" s="991"/>
      <c r="CX57" s="992"/>
      <c r="CY57" s="992"/>
      <c r="CZ57" s="992"/>
      <c r="DA57" s="993"/>
      <c r="DB57" s="991"/>
      <c r="DC57" s="992"/>
      <c r="DD57" s="992"/>
      <c r="DE57" s="992"/>
      <c r="DF57" s="993"/>
      <c r="DG57" s="991"/>
      <c r="DH57" s="992"/>
      <c r="DI57" s="992"/>
      <c r="DJ57" s="992"/>
      <c r="DK57" s="993"/>
      <c r="DL57" s="991"/>
      <c r="DM57" s="992"/>
      <c r="DN57" s="992"/>
      <c r="DO57" s="992"/>
      <c r="DP57" s="993"/>
      <c r="DQ57" s="991"/>
      <c r="DR57" s="992"/>
      <c r="DS57" s="992"/>
      <c r="DT57" s="992"/>
      <c r="DU57" s="993"/>
      <c r="DV57" s="994"/>
      <c r="DW57" s="995"/>
      <c r="DX57" s="995"/>
      <c r="DY57" s="995"/>
      <c r="DZ57" s="996"/>
      <c r="EA57" s="230"/>
    </row>
    <row r="58" spans="1:131" ht="26.25" customHeight="1" x14ac:dyDescent="0.2">
      <c r="A58" s="238">
        <v>31</v>
      </c>
      <c r="B58" s="1032"/>
      <c r="C58" s="1033"/>
      <c r="D58" s="1033"/>
      <c r="E58" s="1033"/>
      <c r="F58" s="1033"/>
      <c r="G58" s="1033"/>
      <c r="H58" s="1033"/>
      <c r="I58" s="1033"/>
      <c r="J58" s="1033"/>
      <c r="K58" s="1033"/>
      <c r="L58" s="1033"/>
      <c r="M58" s="1033"/>
      <c r="N58" s="1033"/>
      <c r="O58" s="1033"/>
      <c r="P58" s="1034"/>
      <c r="Q58" s="1035"/>
      <c r="R58" s="1027"/>
      <c r="S58" s="1027"/>
      <c r="T58" s="1027"/>
      <c r="U58" s="1027"/>
      <c r="V58" s="1027"/>
      <c r="W58" s="1027"/>
      <c r="X58" s="1027"/>
      <c r="Y58" s="1027"/>
      <c r="Z58" s="1027"/>
      <c r="AA58" s="1027"/>
      <c r="AB58" s="1027"/>
      <c r="AC58" s="1027"/>
      <c r="AD58" s="1027"/>
      <c r="AE58" s="1036"/>
      <c r="AF58" s="1037"/>
      <c r="AG58" s="1038"/>
      <c r="AH58" s="1038"/>
      <c r="AI58" s="1038"/>
      <c r="AJ58" s="1039"/>
      <c r="AK58" s="1026"/>
      <c r="AL58" s="1027"/>
      <c r="AM58" s="1027"/>
      <c r="AN58" s="1027"/>
      <c r="AO58" s="1027"/>
      <c r="AP58" s="1027"/>
      <c r="AQ58" s="1027"/>
      <c r="AR58" s="1027"/>
      <c r="AS58" s="1027"/>
      <c r="AT58" s="1027"/>
      <c r="AU58" s="1027"/>
      <c r="AV58" s="1027"/>
      <c r="AW58" s="1027"/>
      <c r="AX58" s="1027"/>
      <c r="AY58" s="1027"/>
      <c r="AZ58" s="1028"/>
      <c r="BA58" s="1028"/>
      <c r="BB58" s="1028"/>
      <c r="BC58" s="1028"/>
      <c r="BD58" s="1028"/>
      <c r="BE58" s="972"/>
      <c r="BF58" s="972"/>
      <c r="BG58" s="972"/>
      <c r="BH58" s="972"/>
      <c r="BI58" s="973"/>
      <c r="BJ58" s="232"/>
      <c r="BK58" s="232"/>
      <c r="BL58" s="232"/>
      <c r="BM58" s="232"/>
      <c r="BN58" s="232"/>
      <c r="BO58" s="241"/>
      <c r="BP58" s="241"/>
      <c r="BQ58" s="238">
        <v>52</v>
      </c>
      <c r="BR58" s="239"/>
      <c r="BS58" s="994"/>
      <c r="BT58" s="995"/>
      <c r="BU58" s="995"/>
      <c r="BV58" s="995"/>
      <c r="BW58" s="995"/>
      <c r="BX58" s="995"/>
      <c r="BY58" s="995"/>
      <c r="BZ58" s="995"/>
      <c r="CA58" s="995"/>
      <c r="CB58" s="995"/>
      <c r="CC58" s="995"/>
      <c r="CD58" s="995"/>
      <c r="CE58" s="995"/>
      <c r="CF58" s="995"/>
      <c r="CG58" s="1016"/>
      <c r="CH58" s="991"/>
      <c r="CI58" s="992"/>
      <c r="CJ58" s="992"/>
      <c r="CK58" s="992"/>
      <c r="CL58" s="993"/>
      <c r="CM58" s="991"/>
      <c r="CN58" s="992"/>
      <c r="CO58" s="992"/>
      <c r="CP58" s="992"/>
      <c r="CQ58" s="993"/>
      <c r="CR58" s="991"/>
      <c r="CS58" s="992"/>
      <c r="CT58" s="992"/>
      <c r="CU58" s="992"/>
      <c r="CV58" s="993"/>
      <c r="CW58" s="991"/>
      <c r="CX58" s="992"/>
      <c r="CY58" s="992"/>
      <c r="CZ58" s="992"/>
      <c r="DA58" s="993"/>
      <c r="DB58" s="991"/>
      <c r="DC58" s="992"/>
      <c r="DD58" s="992"/>
      <c r="DE58" s="992"/>
      <c r="DF58" s="993"/>
      <c r="DG58" s="991"/>
      <c r="DH58" s="992"/>
      <c r="DI58" s="992"/>
      <c r="DJ58" s="992"/>
      <c r="DK58" s="993"/>
      <c r="DL58" s="991"/>
      <c r="DM58" s="992"/>
      <c r="DN58" s="992"/>
      <c r="DO58" s="992"/>
      <c r="DP58" s="993"/>
      <c r="DQ58" s="991"/>
      <c r="DR58" s="992"/>
      <c r="DS58" s="992"/>
      <c r="DT58" s="992"/>
      <c r="DU58" s="993"/>
      <c r="DV58" s="994"/>
      <c r="DW58" s="995"/>
      <c r="DX58" s="995"/>
      <c r="DY58" s="995"/>
      <c r="DZ58" s="996"/>
      <c r="EA58" s="230"/>
    </row>
    <row r="59" spans="1:131" ht="26.25" customHeight="1" x14ac:dyDescent="0.2">
      <c r="A59" s="238">
        <v>32</v>
      </c>
      <c r="B59" s="1032"/>
      <c r="C59" s="1033"/>
      <c r="D59" s="1033"/>
      <c r="E59" s="1033"/>
      <c r="F59" s="1033"/>
      <c r="G59" s="1033"/>
      <c r="H59" s="1033"/>
      <c r="I59" s="1033"/>
      <c r="J59" s="1033"/>
      <c r="K59" s="1033"/>
      <c r="L59" s="1033"/>
      <c r="M59" s="1033"/>
      <c r="N59" s="1033"/>
      <c r="O59" s="1033"/>
      <c r="P59" s="1034"/>
      <c r="Q59" s="1035"/>
      <c r="R59" s="1027"/>
      <c r="S59" s="1027"/>
      <c r="T59" s="1027"/>
      <c r="U59" s="1027"/>
      <c r="V59" s="1027"/>
      <c r="W59" s="1027"/>
      <c r="X59" s="1027"/>
      <c r="Y59" s="1027"/>
      <c r="Z59" s="1027"/>
      <c r="AA59" s="1027"/>
      <c r="AB59" s="1027"/>
      <c r="AC59" s="1027"/>
      <c r="AD59" s="1027"/>
      <c r="AE59" s="1036"/>
      <c r="AF59" s="1037"/>
      <c r="AG59" s="1038"/>
      <c r="AH59" s="1038"/>
      <c r="AI59" s="1038"/>
      <c r="AJ59" s="1039"/>
      <c r="AK59" s="1026"/>
      <c r="AL59" s="1027"/>
      <c r="AM59" s="1027"/>
      <c r="AN59" s="1027"/>
      <c r="AO59" s="1027"/>
      <c r="AP59" s="1027"/>
      <c r="AQ59" s="1027"/>
      <c r="AR59" s="1027"/>
      <c r="AS59" s="1027"/>
      <c r="AT59" s="1027"/>
      <c r="AU59" s="1027"/>
      <c r="AV59" s="1027"/>
      <c r="AW59" s="1027"/>
      <c r="AX59" s="1027"/>
      <c r="AY59" s="1027"/>
      <c r="AZ59" s="1028"/>
      <c r="BA59" s="1028"/>
      <c r="BB59" s="1028"/>
      <c r="BC59" s="1028"/>
      <c r="BD59" s="1028"/>
      <c r="BE59" s="972"/>
      <c r="BF59" s="972"/>
      <c r="BG59" s="972"/>
      <c r="BH59" s="972"/>
      <c r="BI59" s="973"/>
      <c r="BJ59" s="232"/>
      <c r="BK59" s="232"/>
      <c r="BL59" s="232"/>
      <c r="BM59" s="232"/>
      <c r="BN59" s="232"/>
      <c r="BO59" s="241"/>
      <c r="BP59" s="241"/>
      <c r="BQ59" s="238">
        <v>53</v>
      </c>
      <c r="BR59" s="239"/>
      <c r="BS59" s="994"/>
      <c r="BT59" s="995"/>
      <c r="BU59" s="995"/>
      <c r="BV59" s="995"/>
      <c r="BW59" s="995"/>
      <c r="BX59" s="995"/>
      <c r="BY59" s="995"/>
      <c r="BZ59" s="995"/>
      <c r="CA59" s="995"/>
      <c r="CB59" s="995"/>
      <c r="CC59" s="995"/>
      <c r="CD59" s="995"/>
      <c r="CE59" s="995"/>
      <c r="CF59" s="995"/>
      <c r="CG59" s="1016"/>
      <c r="CH59" s="991"/>
      <c r="CI59" s="992"/>
      <c r="CJ59" s="992"/>
      <c r="CK59" s="992"/>
      <c r="CL59" s="993"/>
      <c r="CM59" s="991"/>
      <c r="CN59" s="992"/>
      <c r="CO59" s="992"/>
      <c r="CP59" s="992"/>
      <c r="CQ59" s="993"/>
      <c r="CR59" s="991"/>
      <c r="CS59" s="992"/>
      <c r="CT59" s="992"/>
      <c r="CU59" s="992"/>
      <c r="CV59" s="993"/>
      <c r="CW59" s="991"/>
      <c r="CX59" s="992"/>
      <c r="CY59" s="992"/>
      <c r="CZ59" s="992"/>
      <c r="DA59" s="993"/>
      <c r="DB59" s="991"/>
      <c r="DC59" s="992"/>
      <c r="DD59" s="992"/>
      <c r="DE59" s="992"/>
      <c r="DF59" s="993"/>
      <c r="DG59" s="991"/>
      <c r="DH59" s="992"/>
      <c r="DI59" s="992"/>
      <c r="DJ59" s="992"/>
      <c r="DK59" s="993"/>
      <c r="DL59" s="991"/>
      <c r="DM59" s="992"/>
      <c r="DN59" s="992"/>
      <c r="DO59" s="992"/>
      <c r="DP59" s="993"/>
      <c r="DQ59" s="991"/>
      <c r="DR59" s="992"/>
      <c r="DS59" s="992"/>
      <c r="DT59" s="992"/>
      <c r="DU59" s="993"/>
      <c r="DV59" s="994"/>
      <c r="DW59" s="995"/>
      <c r="DX59" s="995"/>
      <c r="DY59" s="995"/>
      <c r="DZ59" s="996"/>
      <c r="EA59" s="230"/>
    </row>
    <row r="60" spans="1:131" ht="26.25" customHeight="1" x14ac:dyDescent="0.2">
      <c r="A60" s="238">
        <v>33</v>
      </c>
      <c r="B60" s="1032"/>
      <c r="C60" s="1033"/>
      <c r="D60" s="1033"/>
      <c r="E60" s="1033"/>
      <c r="F60" s="1033"/>
      <c r="G60" s="1033"/>
      <c r="H60" s="1033"/>
      <c r="I60" s="1033"/>
      <c r="J60" s="1033"/>
      <c r="K60" s="1033"/>
      <c r="L60" s="1033"/>
      <c r="M60" s="1033"/>
      <c r="N60" s="1033"/>
      <c r="O60" s="1033"/>
      <c r="P60" s="1034"/>
      <c r="Q60" s="1035"/>
      <c r="R60" s="1027"/>
      <c r="S60" s="1027"/>
      <c r="T60" s="1027"/>
      <c r="U60" s="1027"/>
      <c r="V60" s="1027"/>
      <c r="W60" s="1027"/>
      <c r="X60" s="1027"/>
      <c r="Y60" s="1027"/>
      <c r="Z60" s="1027"/>
      <c r="AA60" s="1027"/>
      <c r="AB60" s="1027"/>
      <c r="AC60" s="1027"/>
      <c r="AD60" s="1027"/>
      <c r="AE60" s="1036"/>
      <c r="AF60" s="1037"/>
      <c r="AG60" s="1038"/>
      <c r="AH60" s="1038"/>
      <c r="AI60" s="1038"/>
      <c r="AJ60" s="1039"/>
      <c r="AK60" s="1026"/>
      <c r="AL60" s="1027"/>
      <c r="AM60" s="1027"/>
      <c r="AN60" s="1027"/>
      <c r="AO60" s="1027"/>
      <c r="AP60" s="1027"/>
      <c r="AQ60" s="1027"/>
      <c r="AR60" s="1027"/>
      <c r="AS60" s="1027"/>
      <c r="AT60" s="1027"/>
      <c r="AU60" s="1027"/>
      <c r="AV60" s="1027"/>
      <c r="AW60" s="1027"/>
      <c r="AX60" s="1027"/>
      <c r="AY60" s="1027"/>
      <c r="AZ60" s="1028"/>
      <c r="BA60" s="1028"/>
      <c r="BB60" s="1028"/>
      <c r="BC60" s="1028"/>
      <c r="BD60" s="1028"/>
      <c r="BE60" s="972"/>
      <c r="BF60" s="972"/>
      <c r="BG60" s="972"/>
      <c r="BH60" s="972"/>
      <c r="BI60" s="973"/>
      <c r="BJ60" s="232"/>
      <c r="BK60" s="232"/>
      <c r="BL60" s="232"/>
      <c r="BM60" s="232"/>
      <c r="BN60" s="232"/>
      <c r="BO60" s="241"/>
      <c r="BP60" s="241"/>
      <c r="BQ60" s="238">
        <v>54</v>
      </c>
      <c r="BR60" s="239"/>
      <c r="BS60" s="994"/>
      <c r="BT60" s="995"/>
      <c r="BU60" s="995"/>
      <c r="BV60" s="995"/>
      <c r="BW60" s="995"/>
      <c r="BX60" s="995"/>
      <c r="BY60" s="995"/>
      <c r="BZ60" s="995"/>
      <c r="CA60" s="995"/>
      <c r="CB60" s="995"/>
      <c r="CC60" s="995"/>
      <c r="CD60" s="995"/>
      <c r="CE60" s="995"/>
      <c r="CF60" s="995"/>
      <c r="CG60" s="1016"/>
      <c r="CH60" s="991"/>
      <c r="CI60" s="992"/>
      <c r="CJ60" s="992"/>
      <c r="CK60" s="992"/>
      <c r="CL60" s="993"/>
      <c r="CM60" s="991"/>
      <c r="CN60" s="992"/>
      <c r="CO60" s="992"/>
      <c r="CP60" s="992"/>
      <c r="CQ60" s="993"/>
      <c r="CR60" s="991"/>
      <c r="CS60" s="992"/>
      <c r="CT60" s="992"/>
      <c r="CU60" s="992"/>
      <c r="CV60" s="993"/>
      <c r="CW60" s="991"/>
      <c r="CX60" s="992"/>
      <c r="CY60" s="992"/>
      <c r="CZ60" s="992"/>
      <c r="DA60" s="993"/>
      <c r="DB60" s="991"/>
      <c r="DC60" s="992"/>
      <c r="DD60" s="992"/>
      <c r="DE60" s="992"/>
      <c r="DF60" s="993"/>
      <c r="DG60" s="991"/>
      <c r="DH60" s="992"/>
      <c r="DI60" s="992"/>
      <c r="DJ60" s="992"/>
      <c r="DK60" s="993"/>
      <c r="DL60" s="991"/>
      <c r="DM60" s="992"/>
      <c r="DN60" s="992"/>
      <c r="DO60" s="992"/>
      <c r="DP60" s="993"/>
      <c r="DQ60" s="991"/>
      <c r="DR60" s="992"/>
      <c r="DS60" s="992"/>
      <c r="DT60" s="992"/>
      <c r="DU60" s="993"/>
      <c r="DV60" s="994"/>
      <c r="DW60" s="995"/>
      <c r="DX60" s="995"/>
      <c r="DY60" s="995"/>
      <c r="DZ60" s="996"/>
      <c r="EA60" s="230"/>
    </row>
    <row r="61" spans="1:131" ht="26.25" customHeight="1" thickBot="1" x14ac:dyDescent="0.25">
      <c r="A61" s="238">
        <v>34</v>
      </c>
      <c r="B61" s="1032"/>
      <c r="C61" s="1033"/>
      <c r="D61" s="1033"/>
      <c r="E61" s="1033"/>
      <c r="F61" s="1033"/>
      <c r="G61" s="1033"/>
      <c r="H61" s="1033"/>
      <c r="I61" s="1033"/>
      <c r="J61" s="1033"/>
      <c r="K61" s="1033"/>
      <c r="L61" s="1033"/>
      <c r="M61" s="1033"/>
      <c r="N61" s="1033"/>
      <c r="O61" s="1033"/>
      <c r="P61" s="1034"/>
      <c r="Q61" s="1035"/>
      <c r="R61" s="1027"/>
      <c r="S61" s="1027"/>
      <c r="T61" s="1027"/>
      <c r="U61" s="1027"/>
      <c r="V61" s="1027"/>
      <c r="W61" s="1027"/>
      <c r="X61" s="1027"/>
      <c r="Y61" s="1027"/>
      <c r="Z61" s="1027"/>
      <c r="AA61" s="1027"/>
      <c r="AB61" s="1027"/>
      <c r="AC61" s="1027"/>
      <c r="AD61" s="1027"/>
      <c r="AE61" s="1036"/>
      <c r="AF61" s="1037"/>
      <c r="AG61" s="1038"/>
      <c r="AH61" s="1038"/>
      <c r="AI61" s="1038"/>
      <c r="AJ61" s="1039"/>
      <c r="AK61" s="1026"/>
      <c r="AL61" s="1027"/>
      <c r="AM61" s="1027"/>
      <c r="AN61" s="1027"/>
      <c r="AO61" s="1027"/>
      <c r="AP61" s="1027"/>
      <c r="AQ61" s="1027"/>
      <c r="AR61" s="1027"/>
      <c r="AS61" s="1027"/>
      <c r="AT61" s="1027"/>
      <c r="AU61" s="1027"/>
      <c r="AV61" s="1027"/>
      <c r="AW61" s="1027"/>
      <c r="AX61" s="1027"/>
      <c r="AY61" s="1027"/>
      <c r="AZ61" s="1028"/>
      <c r="BA61" s="1028"/>
      <c r="BB61" s="1028"/>
      <c r="BC61" s="1028"/>
      <c r="BD61" s="1028"/>
      <c r="BE61" s="972"/>
      <c r="BF61" s="972"/>
      <c r="BG61" s="972"/>
      <c r="BH61" s="972"/>
      <c r="BI61" s="973"/>
      <c r="BJ61" s="232"/>
      <c r="BK61" s="232"/>
      <c r="BL61" s="232"/>
      <c r="BM61" s="232"/>
      <c r="BN61" s="232"/>
      <c r="BO61" s="241"/>
      <c r="BP61" s="241"/>
      <c r="BQ61" s="238">
        <v>55</v>
      </c>
      <c r="BR61" s="239"/>
      <c r="BS61" s="994"/>
      <c r="BT61" s="995"/>
      <c r="BU61" s="995"/>
      <c r="BV61" s="995"/>
      <c r="BW61" s="995"/>
      <c r="BX61" s="995"/>
      <c r="BY61" s="995"/>
      <c r="BZ61" s="995"/>
      <c r="CA61" s="995"/>
      <c r="CB61" s="995"/>
      <c r="CC61" s="995"/>
      <c r="CD61" s="995"/>
      <c r="CE61" s="995"/>
      <c r="CF61" s="995"/>
      <c r="CG61" s="1016"/>
      <c r="CH61" s="991"/>
      <c r="CI61" s="992"/>
      <c r="CJ61" s="992"/>
      <c r="CK61" s="992"/>
      <c r="CL61" s="993"/>
      <c r="CM61" s="991"/>
      <c r="CN61" s="992"/>
      <c r="CO61" s="992"/>
      <c r="CP61" s="992"/>
      <c r="CQ61" s="993"/>
      <c r="CR61" s="991"/>
      <c r="CS61" s="992"/>
      <c r="CT61" s="992"/>
      <c r="CU61" s="992"/>
      <c r="CV61" s="993"/>
      <c r="CW61" s="991"/>
      <c r="CX61" s="992"/>
      <c r="CY61" s="992"/>
      <c r="CZ61" s="992"/>
      <c r="DA61" s="993"/>
      <c r="DB61" s="991"/>
      <c r="DC61" s="992"/>
      <c r="DD61" s="992"/>
      <c r="DE61" s="992"/>
      <c r="DF61" s="993"/>
      <c r="DG61" s="991"/>
      <c r="DH61" s="992"/>
      <c r="DI61" s="992"/>
      <c r="DJ61" s="992"/>
      <c r="DK61" s="993"/>
      <c r="DL61" s="991"/>
      <c r="DM61" s="992"/>
      <c r="DN61" s="992"/>
      <c r="DO61" s="992"/>
      <c r="DP61" s="993"/>
      <c r="DQ61" s="991"/>
      <c r="DR61" s="992"/>
      <c r="DS61" s="992"/>
      <c r="DT61" s="992"/>
      <c r="DU61" s="993"/>
      <c r="DV61" s="994"/>
      <c r="DW61" s="995"/>
      <c r="DX61" s="995"/>
      <c r="DY61" s="995"/>
      <c r="DZ61" s="996"/>
      <c r="EA61" s="230"/>
    </row>
    <row r="62" spans="1:131" ht="26.25" customHeight="1" x14ac:dyDescent="0.2">
      <c r="A62" s="238">
        <v>35</v>
      </c>
      <c r="B62" s="1032"/>
      <c r="C62" s="1033"/>
      <c r="D62" s="1033"/>
      <c r="E62" s="1033"/>
      <c r="F62" s="1033"/>
      <c r="G62" s="1033"/>
      <c r="H62" s="1033"/>
      <c r="I62" s="1033"/>
      <c r="J62" s="1033"/>
      <c r="K62" s="1033"/>
      <c r="L62" s="1033"/>
      <c r="M62" s="1033"/>
      <c r="N62" s="1033"/>
      <c r="O62" s="1033"/>
      <c r="P62" s="1034"/>
      <c r="Q62" s="1035"/>
      <c r="R62" s="1027"/>
      <c r="S62" s="1027"/>
      <c r="T62" s="1027"/>
      <c r="U62" s="1027"/>
      <c r="V62" s="1027"/>
      <c r="W62" s="1027"/>
      <c r="X62" s="1027"/>
      <c r="Y62" s="1027"/>
      <c r="Z62" s="1027"/>
      <c r="AA62" s="1027"/>
      <c r="AB62" s="1027"/>
      <c r="AC62" s="1027"/>
      <c r="AD62" s="1027"/>
      <c r="AE62" s="1036"/>
      <c r="AF62" s="1037"/>
      <c r="AG62" s="1038"/>
      <c r="AH62" s="1038"/>
      <c r="AI62" s="1038"/>
      <c r="AJ62" s="1039"/>
      <c r="AK62" s="1026"/>
      <c r="AL62" s="1027"/>
      <c r="AM62" s="1027"/>
      <c r="AN62" s="1027"/>
      <c r="AO62" s="1027"/>
      <c r="AP62" s="1027"/>
      <c r="AQ62" s="1027"/>
      <c r="AR62" s="1027"/>
      <c r="AS62" s="1027"/>
      <c r="AT62" s="1027"/>
      <c r="AU62" s="1027"/>
      <c r="AV62" s="1027"/>
      <c r="AW62" s="1027"/>
      <c r="AX62" s="1027"/>
      <c r="AY62" s="1027"/>
      <c r="AZ62" s="1028"/>
      <c r="BA62" s="1028"/>
      <c r="BB62" s="1028"/>
      <c r="BC62" s="1028"/>
      <c r="BD62" s="1028"/>
      <c r="BE62" s="972"/>
      <c r="BF62" s="972"/>
      <c r="BG62" s="972"/>
      <c r="BH62" s="972"/>
      <c r="BI62" s="973"/>
      <c r="BJ62" s="1029" t="s">
        <v>412</v>
      </c>
      <c r="BK62" s="1030"/>
      <c r="BL62" s="1030"/>
      <c r="BM62" s="1030"/>
      <c r="BN62" s="1031"/>
      <c r="BO62" s="241"/>
      <c r="BP62" s="241"/>
      <c r="BQ62" s="238">
        <v>56</v>
      </c>
      <c r="BR62" s="239"/>
      <c r="BS62" s="994"/>
      <c r="BT62" s="995"/>
      <c r="BU62" s="995"/>
      <c r="BV62" s="995"/>
      <c r="BW62" s="995"/>
      <c r="BX62" s="995"/>
      <c r="BY62" s="995"/>
      <c r="BZ62" s="995"/>
      <c r="CA62" s="995"/>
      <c r="CB62" s="995"/>
      <c r="CC62" s="995"/>
      <c r="CD62" s="995"/>
      <c r="CE62" s="995"/>
      <c r="CF62" s="995"/>
      <c r="CG62" s="1016"/>
      <c r="CH62" s="991"/>
      <c r="CI62" s="992"/>
      <c r="CJ62" s="992"/>
      <c r="CK62" s="992"/>
      <c r="CL62" s="993"/>
      <c r="CM62" s="991"/>
      <c r="CN62" s="992"/>
      <c r="CO62" s="992"/>
      <c r="CP62" s="992"/>
      <c r="CQ62" s="993"/>
      <c r="CR62" s="991"/>
      <c r="CS62" s="992"/>
      <c r="CT62" s="992"/>
      <c r="CU62" s="992"/>
      <c r="CV62" s="993"/>
      <c r="CW62" s="991"/>
      <c r="CX62" s="992"/>
      <c r="CY62" s="992"/>
      <c r="CZ62" s="992"/>
      <c r="DA62" s="993"/>
      <c r="DB62" s="991"/>
      <c r="DC62" s="992"/>
      <c r="DD62" s="992"/>
      <c r="DE62" s="992"/>
      <c r="DF62" s="993"/>
      <c r="DG62" s="991"/>
      <c r="DH62" s="992"/>
      <c r="DI62" s="992"/>
      <c r="DJ62" s="992"/>
      <c r="DK62" s="993"/>
      <c r="DL62" s="991"/>
      <c r="DM62" s="992"/>
      <c r="DN62" s="992"/>
      <c r="DO62" s="992"/>
      <c r="DP62" s="993"/>
      <c r="DQ62" s="991"/>
      <c r="DR62" s="992"/>
      <c r="DS62" s="992"/>
      <c r="DT62" s="992"/>
      <c r="DU62" s="993"/>
      <c r="DV62" s="994"/>
      <c r="DW62" s="995"/>
      <c r="DX62" s="995"/>
      <c r="DY62" s="995"/>
      <c r="DZ62" s="996"/>
      <c r="EA62" s="230"/>
    </row>
    <row r="63" spans="1:131" ht="26.25" customHeight="1" thickBot="1" x14ac:dyDescent="0.25">
      <c r="A63" s="240" t="s">
        <v>390</v>
      </c>
      <c r="B63" s="937" t="s">
        <v>413</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2"/>
      <c r="AF63" s="1023">
        <v>5085</v>
      </c>
      <c r="AG63" s="959"/>
      <c r="AH63" s="959"/>
      <c r="AI63" s="959"/>
      <c r="AJ63" s="1024"/>
      <c r="AK63" s="1025"/>
      <c r="AL63" s="963"/>
      <c r="AM63" s="963"/>
      <c r="AN63" s="963"/>
      <c r="AO63" s="963"/>
      <c r="AP63" s="959">
        <v>3212</v>
      </c>
      <c r="AQ63" s="959"/>
      <c r="AR63" s="959"/>
      <c r="AS63" s="959"/>
      <c r="AT63" s="959"/>
      <c r="AU63" s="959">
        <v>1914</v>
      </c>
      <c r="AV63" s="959"/>
      <c r="AW63" s="959"/>
      <c r="AX63" s="959"/>
      <c r="AY63" s="959"/>
      <c r="AZ63" s="1019"/>
      <c r="BA63" s="1019"/>
      <c r="BB63" s="1019"/>
      <c r="BC63" s="1019"/>
      <c r="BD63" s="1019"/>
      <c r="BE63" s="960"/>
      <c r="BF63" s="960"/>
      <c r="BG63" s="960"/>
      <c r="BH63" s="960"/>
      <c r="BI63" s="961"/>
      <c r="BJ63" s="1020" t="s">
        <v>392</v>
      </c>
      <c r="BK63" s="953"/>
      <c r="BL63" s="953"/>
      <c r="BM63" s="953"/>
      <c r="BN63" s="1021"/>
      <c r="BO63" s="241"/>
      <c r="BP63" s="241"/>
      <c r="BQ63" s="238">
        <v>57</v>
      </c>
      <c r="BR63" s="239"/>
      <c r="BS63" s="994"/>
      <c r="BT63" s="995"/>
      <c r="BU63" s="995"/>
      <c r="BV63" s="995"/>
      <c r="BW63" s="995"/>
      <c r="BX63" s="995"/>
      <c r="BY63" s="995"/>
      <c r="BZ63" s="995"/>
      <c r="CA63" s="995"/>
      <c r="CB63" s="995"/>
      <c r="CC63" s="995"/>
      <c r="CD63" s="995"/>
      <c r="CE63" s="995"/>
      <c r="CF63" s="995"/>
      <c r="CG63" s="1016"/>
      <c r="CH63" s="991"/>
      <c r="CI63" s="992"/>
      <c r="CJ63" s="992"/>
      <c r="CK63" s="992"/>
      <c r="CL63" s="993"/>
      <c r="CM63" s="991"/>
      <c r="CN63" s="992"/>
      <c r="CO63" s="992"/>
      <c r="CP63" s="992"/>
      <c r="CQ63" s="993"/>
      <c r="CR63" s="991"/>
      <c r="CS63" s="992"/>
      <c r="CT63" s="992"/>
      <c r="CU63" s="992"/>
      <c r="CV63" s="993"/>
      <c r="CW63" s="991"/>
      <c r="CX63" s="992"/>
      <c r="CY63" s="992"/>
      <c r="CZ63" s="992"/>
      <c r="DA63" s="993"/>
      <c r="DB63" s="991"/>
      <c r="DC63" s="992"/>
      <c r="DD63" s="992"/>
      <c r="DE63" s="992"/>
      <c r="DF63" s="993"/>
      <c r="DG63" s="991"/>
      <c r="DH63" s="992"/>
      <c r="DI63" s="992"/>
      <c r="DJ63" s="992"/>
      <c r="DK63" s="993"/>
      <c r="DL63" s="991"/>
      <c r="DM63" s="992"/>
      <c r="DN63" s="992"/>
      <c r="DO63" s="992"/>
      <c r="DP63" s="993"/>
      <c r="DQ63" s="991"/>
      <c r="DR63" s="992"/>
      <c r="DS63" s="992"/>
      <c r="DT63" s="992"/>
      <c r="DU63" s="993"/>
      <c r="DV63" s="994"/>
      <c r="DW63" s="995"/>
      <c r="DX63" s="995"/>
      <c r="DY63" s="995"/>
      <c r="DZ63" s="996"/>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4"/>
      <c r="BT64" s="995"/>
      <c r="BU64" s="995"/>
      <c r="BV64" s="995"/>
      <c r="BW64" s="995"/>
      <c r="BX64" s="995"/>
      <c r="BY64" s="995"/>
      <c r="BZ64" s="995"/>
      <c r="CA64" s="995"/>
      <c r="CB64" s="995"/>
      <c r="CC64" s="995"/>
      <c r="CD64" s="995"/>
      <c r="CE64" s="995"/>
      <c r="CF64" s="995"/>
      <c r="CG64" s="1016"/>
      <c r="CH64" s="991"/>
      <c r="CI64" s="992"/>
      <c r="CJ64" s="992"/>
      <c r="CK64" s="992"/>
      <c r="CL64" s="993"/>
      <c r="CM64" s="991"/>
      <c r="CN64" s="992"/>
      <c r="CO64" s="992"/>
      <c r="CP64" s="992"/>
      <c r="CQ64" s="993"/>
      <c r="CR64" s="991"/>
      <c r="CS64" s="992"/>
      <c r="CT64" s="992"/>
      <c r="CU64" s="992"/>
      <c r="CV64" s="993"/>
      <c r="CW64" s="991"/>
      <c r="CX64" s="992"/>
      <c r="CY64" s="992"/>
      <c r="CZ64" s="992"/>
      <c r="DA64" s="993"/>
      <c r="DB64" s="991"/>
      <c r="DC64" s="992"/>
      <c r="DD64" s="992"/>
      <c r="DE64" s="992"/>
      <c r="DF64" s="993"/>
      <c r="DG64" s="991"/>
      <c r="DH64" s="992"/>
      <c r="DI64" s="992"/>
      <c r="DJ64" s="992"/>
      <c r="DK64" s="993"/>
      <c r="DL64" s="991"/>
      <c r="DM64" s="992"/>
      <c r="DN64" s="992"/>
      <c r="DO64" s="992"/>
      <c r="DP64" s="993"/>
      <c r="DQ64" s="991"/>
      <c r="DR64" s="992"/>
      <c r="DS64" s="992"/>
      <c r="DT64" s="992"/>
      <c r="DU64" s="993"/>
      <c r="DV64" s="994"/>
      <c r="DW64" s="995"/>
      <c r="DX64" s="995"/>
      <c r="DY64" s="995"/>
      <c r="DZ64" s="996"/>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4"/>
      <c r="BT65" s="995"/>
      <c r="BU65" s="995"/>
      <c r="BV65" s="995"/>
      <c r="BW65" s="995"/>
      <c r="BX65" s="995"/>
      <c r="BY65" s="995"/>
      <c r="BZ65" s="995"/>
      <c r="CA65" s="995"/>
      <c r="CB65" s="995"/>
      <c r="CC65" s="995"/>
      <c r="CD65" s="995"/>
      <c r="CE65" s="995"/>
      <c r="CF65" s="995"/>
      <c r="CG65" s="1016"/>
      <c r="CH65" s="991"/>
      <c r="CI65" s="992"/>
      <c r="CJ65" s="992"/>
      <c r="CK65" s="992"/>
      <c r="CL65" s="993"/>
      <c r="CM65" s="991"/>
      <c r="CN65" s="992"/>
      <c r="CO65" s="992"/>
      <c r="CP65" s="992"/>
      <c r="CQ65" s="993"/>
      <c r="CR65" s="991"/>
      <c r="CS65" s="992"/>
      <c r="CT65" s="992"/>
      <c r="CU65" s="992"/>
      <c r="CV65" s="993"/>
      <c r="CW65" s="991"/>
      <c r="CX65" s="992"/>
      <c r="CY65" s="992"/>
      <c r="CZ65" s="992"/>
      <c r="DA65" s="993"/>
      <c r="DB65" s="991"/>
      <c r="DC65" s="992"/>
      <c r="DD65" s="992"/>
      <c r="DE65" s="992"/>
      <c r="DF65" s="993"/>
      <c r="DG65" s="991"/>
      <c r="DH65" s="992"/>
      <c r="DI65" s="992"/>
      <c r="DJ65" s="992"/>
      <c r="DK65" s="993"/>
      <c r="DL65" s="991"/>
      <c r="DM65" s="992"/>
      <c r="DN65" s="992"/>
      <c r="DO65" s="992"/>
      <c r="DP65" s="993"/>
      <c r="DQ65" s="991"/>
      <c r="DR65" s="992"/>
      <c r="DS65" s="992"/>
      <c r="DT65" s="992"/>
      <c r="DU65" s="993"/>
      <c r="DV65" s="994"/>
      <c r="DW65" s="995"/>
      <c r="DX65" s="995"/>
      <c r="DY65" s="995"/>
      <c r="DZ65" s="996"/>
      <c r="EA65" s="230"/>
    </row>
    <row r="66" spans="1:131" ht="26.25" customHeight="1" x14ac:dyDescent="0.2">
      <c r="A66" s="997" t="s">
        <v>415</v>
      </c>
      <c r="B66" s="998"/>
      <c r="C66" s="998"/>
      <c r="D66" s="998"/>
      <c r="E66" s="998"/>
      <c r="F66" s="998"/>
      <c r="G66" s="998"/>
      <c r="H66" s="998"/>
      <c r="I66" s="998"/>
      <c r="J66" s="998"/>
      <c r="K66" s="998"/>
      <c r="L66" s="998"/>
      <c r="M66" s="998"/>
      <c r="N66" s="998"/>
      <c r="O66" s="998"/>
      <c r="P66" s="999"/>
      <c r="Q66" s="1003" t="s">
        <v>416</v>
      </c>
      <c r="R66" s="1004"/>
      <c r="S66" s="1004"/>
      <c r="T66" s="1004"/>
      <c r="U66" s="1005"/>
      <c r="V66" s="1003" t="s">
        <v>417</v>
      </c>
      <c r="W66" s="1004"/>
      <c r="X66" s="1004"/>
      <c r="Y66" s="1004"/>
      <c r="Z66" s="1005"/>
      <c r="AA66" s="1003" t="s">
        <v>418</v>
      </c>
      <c r="AB66" s="1004"/>
      <c r="AC66" s="1004"/>
      <c r="AD66" s="1004"/>
      <c r="AE66" s="1005"/>
      <c r="AF66" s="1009" t="s">
        <v>419</v>
      </c>
      <c r="AG66" s="1010"/>
      <c r="AH66" s="1010"/>
      <c r="AI66" s="1010"/>
      <c r="AJ66" s="1011"/>
      <c r="AK66" s="1003" t="s">
        <v>399</v>
      </c>
      <c r="AL66" s="998"/>
      <c r="AM66" s="998"/>
      <c r="AN66" s="998"/>
      <c r="AO66" s="999"/>
      <c r="AP66" s="1003" t="s">
        <v>420</v>
      </c>
      <c r="AQ66" s="1004"/>
      <c r="AR66" s="1004"/>
      <c r="AS66" s="1004"/>
      <c r="AT66" s="1005"/>
      <c r="AU66" s="1003" t="s">
        <v>421</v>
      </c>
      <c r="AV66" s="1004"/>
      <c r="AW66" s="1004"/>
      <c r="AX66" s="1004"/>
      <c r="AY66" s="1005"/>
      <c r="AZ66" s="1003" t="s">
        <v>378</v>
      </c>
      <c r="BA66" s="1004"/>
      <c r="BB66" s="1004"/>
      <c r="BC66" s="1004"/>
      <c r="BD66" s="1017"/>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1000"/>
      <c r="B67" s="1001"/>
      <c r="C67" s="1001"/>
      <c r="D67" s="1001"/>
      <c r="E67" s="1001"/>
      <c r="F67" s="1001"/>
      <c r="G67" s="1001"/>
      <c r="H67" s="1001"/>
      <c r="I67" s="1001"/>
      <c r="J67" s="1001"/>
      <c r="K67" s="1001"/>
      <c r="L67" s="1001"/>
      <c r="M67" s="1001"/>
      <c r="N67" s="1001"/>
      <c r="O67" s="1001"/>
      <c r="P67" s="1002"/>
      <c r="Q67" s="1006"/>
      <c r="R67" s="1007"/>
      <c r="S67" s="1007"/>
      <c r="T67" s="1007"/>
      <c r="U67" s="1008"/>
      <c r="V67" s="1006"/>
      <c r="W67" s="1007"/>
      <c r="X67" s="1007"/>
      <c r="Y67" s="1007"/>
      <c r="Z67" s="1008"/>
      <c r="AA67" s="1006"/>
      <c r="AB67" s="1007"/>
      <c r="AC67" s="1007"/>
      <c r="AD67" s="1007"/>
      <c r="AE67" s="1008"/>
      <c r="AF67" s="1012"/>
      <c r="AG67" s="1013"/>
      <c r="AH67" s="1013"/>
      <c r="AI67" s="1013"/>
      <c r="AJ67" s="1014"/>
      <c r="AK67" s="1015"/>
      <c r="AL67" s="1001"/>
      <c r="AM67" s="1001"/>
      <c r="AN67" s="1001"/>
      <c r="AO67" s="1002"/>
      <c r="AP67" s="1006"/>
      <c r="AQ67" s="1007"/>
      <c r="AR67" s="1007"/>
      <c r="AS67" s="1007"/>
      <c r="AT67" s="1008"/>
      <c r="AU67" s="1006"/>
      <c r="AV67" s="1007"/>
      <c r="AW67" s="1007"/>
      <c r="AX67" s="1007"/>
      <c r="AY67" s="1008"/>
      <c r="AZ67" s="1006"/>
      <c r="BA67" s="1007"/>
      <c r="BB67" s="1007"/>
      <c r="BC67" s="1007"/>
      <c r="BD67" s="1018"/>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7" t="s">
        <v>589</v>
      </c>
      <c r="C68" s="988"/>
      <c r="D68" s="988"/>
      <c r="E68" s="988"/>
      <c r="F68" s="988"/>
      <c r="G68" s="988"/>
      <c r="H68" s="988"/>
      <c r="I68" s="988"/>
      <c r="J68" s="988"/>
      <c r="K68" s="988"/>
      <c r="L68" s="988"/>
      <c r="M68" s="988"/>
      <c r="N68" s="988"/>
      <c r="O68" s="988"/>
      <c r="P68" s="989"/>
      <c r="Q68" s="990">
        <v>9647</v>
      </c>
      <c r="R68" s="983"/>
      <c r="S68" s="983"/>
      <c r="T68" s="983"/>
      <c r="U68" s="984"/>
      <c r="V68" s="982">
        <v>9534</v>
      </c>
      <c r="W68" s="983"/>
      <c r="X68" s="983"/>
      <c r="Y68" s="983"/>
      <c r="Z68" s="984"/>
      <c r="AA68" s="982">
        <v>113</v>
      </c>
      <c r="AB68" s="983"/>
      <c r="AC68" s="983"/>
      <c r="AD68" s="983"/>
      <c r="AE68" s="984"/>
      <c r="AF68" s="982">
        <v>113</v>
      </c>
      <c r="AG68" s="983"/>
      <c r="AH68" s="983"/>
      <c r="AI68" s="983"/>
      <c r="AJ68" s="984"/>
      <c r="AK68" s="982">
        <v>100</v>
      </c>
      <c r="AL68" s="983"/>
      <c r="AM68" s="983"/>
      <c r="AN68" s="983"/>
      <c r="AO68" s="984"/>
      <c r="AP68" s="982">
        <v>190</v>
      </c>
      <c r="AQ68" s="983"/>
      <c r="AR68" s="983"/>
      <c r="AS68" s="983"/>
      <c r="AT68" s="984"/>
      <c r="AU68" s="982">
        <v>5</v>
      </c>
      <c r="AV68" s="983"/>
      <c r="AW68" s="983"/>
      <c r="AX68" s="983"/>
      <c r="AY68" s="984"/>
      <c r="AZ68" s="985"/>
      <c r="BA68" s="985"/>
      <c r="BB68" s="985"/>
      <c r="BC68" s="985"/>
      <c r="BD68" s="986"/>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90</v>
      </c>
      <c r="C69" s="975"/>
      <c r="D69" s="975"/>
      <c r="E69" s="975"/>
      <c r="F69" s="975"/>
      <c r="G69" s="975"/>
      <c r="H69" s="975"/>
      <c r="I69" s="975"/>
      <c r="J69" s="975"/>
      <c r="K69" s="975"/>
      <c r="L69" s="975"/>
      <c r="M69" s="975"/>
      <c r="N69" s="975"/>
      <c r="O69" s="975"/>
      <c r="P69" s="976"/>
      <c r="Q69" s="978">
        <v>26588</v>
      </c>
      <c r="R69" s="979"/>
      <c r="S69" s="979"/>
      <c r="T69" s="979"/>
      <c r="U69" s="980"/>
      <c r="V69" s="981">
        <v>26430</v>
      </c>
      <c r="W69" s="979"/>
      <c r="X69" s="979"/>
      <c r="Y69" s="979"/>
      <c r="Z69" s="980"/>
      <c r="AA69" s="981">
        <v>157</v>
      </c>
      <c r="AB69" s="979"/>
      <c r="AC69" s="979"/>
      <c r="AD69" s="979"/>
      <c r="AE69" s="980"/>
      <c r="AF69" s="981">
        <v>157</v>
      </c>
      <c r="AG69" s="979"/>
      <c r="AH69" s="979"/>
      <c r="AI69" s="979"/>
      <c r="AJ69" s="980"/>
      <c r="AK69" s="981">
        <v>275</v>
      </c>
      <c r="AL69" s="979"/>
      <c r="AM69" s="979"/>
      <c r="AN69" s="979"/>
      <c r="AO69" s="980"/>
      <c r="AP69" s="981" t="s">
        <v>588</v>
      </c>
      <c r="AQ69" s="979"/>
      <c r="AR69" s="979"/>
      <c r="AS69" s="979"/>
      <c r="AT69" s="980"/>
      <c r="AU69" s="981" t="s">
        <v>588</v>
      </c>
      <c r="AV69" s="979"/>
      <c r="AW69" s="979"/>
      <c r="AX69" s="979"/>
      <c r="AY69" s="980"/>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91</v>
      </c>
      <c r="C70" s="975"/>
      <c r="D70" s="975"/>
      <c r="E70" s="975"/>
      <c r="F70" s="975"/>
      <c r="G70" s="975"/>
      <c r="H70" s="975"/>
      <c r="I70" s="975"/>
      <c r="J70" s="975"/>
      <c r="K70" s="975"/>
      <c r="L70" s="975"/>
      <c r="M70" s="975"/>
      <c r="N70" s="975"/>
      <c r="O70" s="975"/>
      <c r="P70" s="976"/>
      <c r="Q70" s="978">
        <v>57242</v>
      </c>
      <c r="R70" s="979"/>
      <c r="S70" s="979"/>
      <c r="T70" s="979"/>
      <c r="U70" s="980"/>
      <c r="V70" s="981">
        <v>56382</v>
      </c>
      <c r="W70" s="979"/>
      <c r="X70" s="979"/>
      <c r="Y70" s="979"/>
      <c r="Z70" s="980"/>
      <c r="AA70" s="981">
        <v>860</v>
      </c>
      <c r="AB70" s="979"/>
      <c r="AC70" s="979"/>
      <c r="AD70" s="979"/>
      <c r="AE70" s="980"/>
      <c r="AF70" s="981">
        <v>855</v>
      </c>
      <c r="AG70" s="979"/>
      <c r="AH70" s="979"/>
      <c r="AI70" s="979"/>
      <c r="AJ70" s="980"/>
      <c r="AK70" s="981" t="s">
        <v>588</v>
      </c>
      <c r="AL70" s="979"/>
      <c r="AM70" s="979"/>
      <c r="AN70" s="979"/>
      <c r="AO70" s="980"/>
      <c r="AP70" s="981" t="s">
        <v>588</v>
      </c>
      <c r="AQ70" s="979"/>
      <c r="AR70" s="979"/>
      <c r="AS70" s="979"/>
      <c r="AT70" s="980"/>
      <c r="AU70" s="981" t="s">
        <v>588</v>
      </c>
      <c r="AV70" s="979"/>
      <c r="AW70" s="979"/>
      <c r="AX70" s="979"/>
      <c r="AY70" s="980"/>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92</v>
      </c>
      <c r="C71" s="975"/>
      <c r="D71" s="975"/>
      <c r="E71" s="975"/>
      <c r="F71" s="975"/>
      <c r="G71" s="975"/>
      <c r="H71" s="975"/>
      <c r="I71" s="975"/>
      <c r="J71" s="975"/>
      <c r="K71" s="975"/>
      <c r="L71" s="975"/>
      <c r="M71" s="975"/>
      <c r="N71" s="975"/>
      <c r="O71" s="975"/>
      <c r="P71" s="976"/>
      <c r="Q71" s="978">
        <v>925</v>
      </c>
      <c r="R71" s="979"/>
      <c r="S71" s="979"/>
      <c r="T71" s="979"/>
      <c r="U71" s="980"/>
      <c r="V71" s="981">
        <v>905</v>
      </c>
      <c r="W71" s="979"/>
      <c r="X71" s="979"/>
      <c r="Y71" s="979"/>
      <c r="Z71" s="980"/>
      <c r="AA71" s="981">
        <v>20</v>
      </c>
      <c r="AB71" s="979"/>
      <c r="AC71" s="979"/>
      <c r="AD71" s="979"/>
      <c r="AE71" s="980"/>
      <c r="AF71" s="981">
        <v>20</v>
      </c>
      <c r="AG71" s="979"/>
      <c r="AH71" s="979"/>
      <c r="AI71" s="979"/>
      <c r="AJ71" s="980"/>
      <c r="AK71" s="981">
        <v>45</v>
      </c>
      <c r="AL71" s="979"/>
      <c r="AM71" s="979"/>
      <c r="AN71" s="979"/>
      <c r="AO71" s="980"/>
      <c r="AP71" s="981" t="s">
        <v>588</v>
      </c>
      <c r="AQ71" s="979"/>
      <c r="AR71" s="979"/>
      <c r="AS71" s="979"/>
      <c r="AT71" s="980"/>
      <c r="AU71" s="981" t="s">
        <v>588</v>
      </c>
      <c r="AV71" s="979"/>
      <c r="AW71" s="979"/>
      <c r="AX71" s="979"/>
      <c r="AY71" s="980"/>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93</v>
      </c>
      <c r="C72" s="975"/>
      <c r="D72" s="975"/>
      <c r="E72" s="975"/>
      <c r="F72" s="975"/>
      <c r="G72" s="975"/>
      <c r="H72" s="975"/>
      <c r="I72" s="975"/>
      <c r="J72" s="975"/>
      <c r="K72" s="975"/>
      <c r="L72" s="975"/>
      <c r="M72" s="975"/>
      <c r="N72" s="975"/>
      <c r="O72" s="975"/>
      <c r="P72" s="976"/>
      <c r="Q72" s="978">
        <v>267</v>
      </c>
      <c r="R72" s="979"/>
      <c r="S72" s="979"/>
      <c r="T72" s="979"/>
      <c r="U72" s="980"/>
      <c r="V72" s="981">
        <v>178</v>
      </c>
      <c r="W72" s="979"/>
      <c r="X72" s="979"/>
      <c r="Y72" s="979"/>
      <c r="Z72" s="980"/>
      <c r="AA72" s="981">
        <v>89</v>
      </c>
      <c r="AB72" s="979"/>
      <c r="AC72" s="979"/>
      <c r="AD72" s="979"/>
      <c r="AE72" s="980"/>
      <c r="AF72" s="981">
        <v>89</v>
      </c>
      <c r="AG72" s="979"/>
      <c r="AH72" s="979"/>
      <c r="AI72" s="979"/>
      <c r="AJ72" s="980"/>
      <c r="AK72" s="981">
        <v>13</v>
      </c>
      <c r="AL72" s="979"/>
      <c r="AM72" s="979"/>
      <c r="AN72" s="979"/>
      <c r="AO72" s="980"/>
      <c r="AP72" s="981" t="s">
        <v>588</v>
      </c>
      <c r="AQ72" s="979"/>
      <c r="AR72" s="979"/>
      <c r="AS72" s="979"/>
      <c r="AT72" s="980"/>
      <c r="AU72" s="981" t="s">
        <v>588</v>
      </c>
      <c r="AV72" s="979"/>
      <c r="AW72" s="979"/>
      <c r="AX72" s="979"/>
      <c r="AY72" s="980"/>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94</v>
      </c>
      <c r="C73" s="975"/>
      <c r="D73" s="975"/>
      <c r="E73" s="975"/>
      <c r="F73" s="975"/>
      <c r="G73" s="975"/>
      <c r="H73" s="975"/>
      <c r="I73" s="975"/>
      <c r="J73" s="975"/>
      <c r="K73" s="975"/>
      <c r="L73" s="975"/>
      <c r="M73" s="975"/>
      <c r="N73" s="975"/>
      <c r="O73" s="975"/>
      <c r="P73" s="976"/>
      <c r="Q73" s="978">
        <v>303</v>
      </c>
      <c r="R73" s="979"/>
      <c r="S73" s="979"/>
      <c r="T73" s="979"/>
      <c r="U73" s="980"/>
      <c r="V73" s="981">
        <v>280</v>
      </c>
      <c r="W73" s="979"/>
      <c r="X73" s="979"/>
      <c r="Y73" s="979"/>
      <c r="Z73" s="980"/>
      <c r="AA73" s="981">
        <v>23</v>
      </c>
      <c r="AB73" s="979"/>
      <c r="AC73" s="979"/>
      <c r="AD73" s="979"/>
      <c r="AE73" s="980"/>
      <c r="AF73" s="981">
        <v>23</v>
      </c>
      <c r="AG73" s="979"/>
      <c r="AH73" s="979"/>
      <c r="AI73" s="979"/>
      <c r="AJ73" s="980"/>
      <c r="AK73" s="981" t="s">
        <v>588</v>
      </c>
      <c r="AL73" s="979"/>
      <c r="AM73" s="979"/>
      <c r="AN73" s="979"/>
      <c r="AO73" s="980"/>
      <c r="AP73" s="981" t="s">
        <v>588</v>
      </c>
      <c r="AQ73" s="979"/>
      <c r="AR73" s="979"/>
      <c r="AS73" s="979"/>
      <c r="AT73" s="980"/>
      <c r="AU73" s="981" t="s">
        <v>588</v>
      </c>
      <c r="AV73" s="979"/>
      <c r="AW73" s="979"/>
      <c r="AX73" s="979"/>
      <c r="AY73" s="980"/>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95</v>
      </c>
      <c r="C74" s="975"/>
      <c r="D74" s="975"/>
      <c r="E74" s="975"/>
      <c r="F74" s="975"/>
      <c r="G74" s="975"/>
      <c r="H74" s="975"/>
      <c r="I74" s="975"/>
      <c r="J74" s="975"/>
      <c r="K74" s="975"/>
      <c r="L74" s="975"/>
      <c r="M74" s="975"/>
      <c r="N74" s="975"/>
      <c r="O74" s="975"/>
      <c r="P74" s="976"/>
      <c r="Q74" s="978">
        <v>7352</v>
      </c>
      <c r="R74" s="979"/>
      <c r="S74" s="979"/>
      <c r="T74" s="979"/>
      <c r="U74" s="980"/>
      <c r="V74" s="981">
        <v>7276</v>
      </c>
      <c r="W74" s="979"/>
      <c r="X74" s="979"/>
      <c r="Y74" s="979"/>
      <c r="Z74" s="980"/>
      <c r="AA74" s="981">
        <v>76</v>
      </c>
      <c r="AB74" s="979"/>
      <c r="AC74" s="979"/>
      <c r="AD74" s="979"/>
      <c r="AE74" s="980"/>
      <c r="AF74" s="981">
        <v>76</v>
      </c>
      <c r="AG74" s="979"/>
      <c r="AH74" s="979"/>
      <c r="AI74" s="979"/>
      <c r="AJ74" s="980"/>
      <c r="AK74" s="981">
        <v>3086</v>
      </c>
      <c r="AL74" s="979"/>
      <c r="AM74" s="979"/>
      <c r="AN74" s="979"/>
      <c r="AO74" s="980"/>
      <c r="AP74" s="981" t="s">
        <v>588</v>
      </c>
      <c r="AQ74" s="979"/>
      <c r="AR74" s="979"/>
      <c r="AS74" s="979"/>
      <c r="AT74" s="980"/>
      <c r="AU74" s="981" t="s">
        <v>588</v>
      </c>
      <c r="AV74" s="979"/>
      <c r="AW74" s="979"/>
      <c r="AX74" s="979"/>
      <c r="AY74" s="980"/>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596</v>
      </c>
      <c r="C75" s="975"/>
      <c r="D75" s="975"/>
      <c r="E75" s="975"/>
      <c r="F75" s="975"/>
      <c r="G75" s="975"/>
      <c r="H75" s="975"/>
      <c r="I75" s="975"/>
      <c r="J75" s="975"/>
      <c r="K75" s="975"/>
      <c r="L75" s="975"/>
      <c r="M75" s="975"/>
      <c r="N75" s="975"/>
      <c r="O75" s="975"/>
      <c r="P75" s="976"/>
      <c r="Q75" s="978">
        <v>1524702</v>
      </c>
      <c r="R75" s="979"/>
      <c r="S75" s="979"/>
      <c r="T75" s="979"/>
      <c r="U75" s="980"/>
      <c r="V75" s="981">
        <v>1496148</v>
      </c>
      <c r="W75" s="979"/>
      <c r="X75" s="979"/>
      <c r="Y75" s="979"/>
      <c r="Z75" s="980"/>
      <c r="AA75" s="981">
        <v>28554</v>
      </c>
      <c r="AB75" s="979"/>
      <c r="AC75" s="979"/>
      <c r="AD75" s="979"/>
      <c r="AE75" s="980"/>
      <c r="AF75" s="981">
        <v>28554</v>
      </c>
      <c r="AG75" s="979"/>
      <c r="AH75" s="979"/>
      <c r="AI75" s="979"/>
      <c r="AJ75" s="980"/>
      <c r="AK75" s="981">
        <v>15234</v>
      </c>
      <c r="AL75" s="979"/>
      <c r="AM75" s="979"/>
      <c r="AN75" s="979"/>
      <c r="AO75" s="980"/>
      <c r="AP75" s="981" t="s">
        <v>588</v>
      </c>
      <c r="AQ75" s="979"/>
      <c r="AR75" s="979"/>
      <c r="AS75" s="979"/>
      <c r="AT75" s="980"/>
      <c r="AU75" s="981" t="s">
        <v>588</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c r="C76" s="975"/>
      <c r="D76" s="975"/>
      <c r="E76" s="975"/>
      <c r="F76" s="975"/>
      <c r="G76" s="975"/>
      <c r="H76" s="975"/>
      <c r="I76" s="975"/>
      <c r="J76" s="975"/>
      <c r="K76" s="975"/>
      <c r="L76" s="975"/>
      <c r="M76" s="975"/>
      <c r="N76" s="975"/>
      <c r="O76" s="975"/>
      <c r="P76" s="976"/>
      <c r="Q76" s="978"/>
      <c r="R76" s="979"/>
      <c r="S76" s="979"/>
      <c r="T76" s="979"/>
      <c r="U76" s="980"/>
      <c r="V76" s="981"/>
      <c r="W76" s="979"/>
      <c r="X76" s="979"/>
      <c r="Y76" s="979"/>
      <c r="Z76" s="980"/>
      <c r="AA76" s="981"/>
      <c r="AB76" s="979"/>
      <c r="AC76" s="979"/>
      <c r="AD76" s="979"/>
      <c r="AE76" s="980"/>
      <c r="AF76" s="981"/>
      <c r="AG76" s="979"/>
      <c r="AH76" s="979"/>
      <c r="AI76" s="979"/>
      <c r="AJ76" s="980"/>
      <c r="AK76" s="981"/>
      <c r="AL76" s="979"/>
      <c r="AM76" s="979"/>
      <c r="AN76" s="979"/>
      <c r="AO76" s="980"/>
      <c r="AP76" s="981"/>
      <c r="AQ76" s="979"/>
      <c r="AR76" s="979"/>
      <c r="AS76" s="979"/>
      <c r="AT76" s="980"/>
      <c r="AU76" s="981"/>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0</v>
      </c>
      <c r="B88" s="937" t="s">
        <v>422</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29887</v>
      </c>
      <c r="AG88" s="959"/>
      <c r="AH88" s="959"/>
      <c r="AI88" s="959"/>
      <c r="AJ88" s="959"/>
      <c r="AK88" s="963"/>
      <c r="AL88" s="963"/>
      <c r="AM88" s="963"/>
      <c r="AN88" s="963"/>
      <c r="AO88" s="963"/>
      <c r="AP88" s="959">
        <v>190</v>
      </c>
      <c r="AQ88" s="959"/>
      <c r="AR88" s="959"/>
      <c r="AS88" s="959"/>
      <c r="AT88" s="959"/>
      <c r="AU88" s="959">
        <v>5</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0</v>
      </c>
      <c r="BR102" s="937" t="s">
        <v>423</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5</v>
      </c>
      <c r="CS102" s="953"/>
      <c r="CT102" s="953"/>
      <c r="CU102" s="953"/>
      <c r="CV102" s="954"/>
      <c r="CW102" s="952" t="s">
        <v>605</v>
      </c>
      <c r="CX102" s="953"/>
      <c r="CY102" s="953"/>
      <c r="CZ102" s="953"/>
      <c r="DA102" s="954"/>
      <c r="DB102" s="952">
        <v>300</v>
      </c>
      <c r="DC102" s="953"/>
      <c r="DD102" s="953"/>
      <c r="DE102" s="953"/>
      <c r="DF102" s="954"/>
      <c r="DG102" s="952" t="s">
        <v>605</v>
      </c>
      <c r="DH102" s="953"/>
      <c r="DI102" s="953"/>
      <c r="DJ102" s="953"/>
      <c r="DK102" s="954"/>
      <c r="DL102" s="952" t="s">
        <v>605</v>
      </c>
      <c r="DM102" s="953"/>
      <c r="DN102" s="953"/>
      <c r="DO102" s="953"/>
      <c r="DP102" s="954"/>
      <c r="DQ102" s="952" t="s">
        <v>605</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4</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5</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6</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7</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8</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9</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30</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31</v>
      </c>
      <c r="AB109" s="896"/>
      <c r="AC109" s="896"/>
      <c r="AD109" s="896"/>
      <c r="AE109" s="897"/>
      <c r="AF109" s="898" t="s">
        <v>432</v>
      </c>
      <c r="AG109" s="896"/>
      <c r="AH109" s="896"/>
      <c r="AI109" s="896"/>
      <c r="AJ109" s="897"/>
      <c r="AK109" s="898" t="s">
        <v>308</v>
      </c>
      <c r="AL109" s="896"/>
      <c r="AM109" s="896"/>
      <c r="AN109" s="896"/>
      <c r="AO109" s="897"/>
      <c r="AP109" s="898" t="s">
        <v>433</v>
      </c>
      <c r="AQ109" s="896"/>
      <c r="AR109" s="896"/>
      <c r="AS109" s="896"/>
      <c r="AT109" s="929"/>
      <c r="AU109" s="895" t="s">
        <v>430</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31</v>
      </c>
      <c r="BR109" s="896"/>
      <c r="BS109" s="896"/>
      <c r="BT109" s="896"/>
      <c r="BU109" s="897"/>
      <c r="BV109" s="898" t="s">
        <v>432</v>
      </c>
      <c r="BW109" s="896"/>
      <c r="BX109" s="896"/>
      <c r="BY109" s="896"/>
      <c r="BZ109" s="897"/>
      <c r="CA109" s="898" t="s">
        <v>308</v>
      </c>
      <c r="CB109" s="896"/>
      <c r="CC109" s="896"/>
      <c r="CD109" s="896"/>
      <c r="CE109" s="897"/>
      <c r="CF109" s="936" t="s">
        <v>433</v>
      </c>
      <c r="CG109" s="936"/>
      <c r="CH109" s="936"/>
      <c r="CI109" s="936"/>
      <c r="CJ109" s="936"/>
      <c r="CK109" s="898" t="s">
        <v>434</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31</v>
      </c>
      <c r="DH109" s="896"/>
      <c r="DI109" s="896"/>
      <c r="DJ109" s="896"/>
      <c r="DK109" s="897"/>
      <c r="DL109" s="898" t="s">
        <v>432</v>
      </c>
      <c r="DM109" s="896"/>
      <c r="DN109" s="896"/>
      <c r="DO109" s="896"/>
      <c r="DP109" s="897"/>
      <c r="DQ109" s="898" t="s">
        <v>308</v>
      </c>
      <c r="DR109" s="896"/>
      <c r="DS109" s="896"/>
      <c r="DT109" s="896"/>
      <c r="DU109" s="897"/>
      <c r="DV109" s="898" t="s">
        <v>433</v>
      </c>
      <c r="DW109" s="896"/>
      <c r="DX109" s="896"/>
      <c r="DY109" s="896"/>
      <c r="DZ109" s="929"/>
    </row>
    <row r="110" spans="1:131" s="230" customFormat="1" ht="26.25" customHeight="1" x14ac:dyDescent="0.2">
      <c r="A110" s="807" t="s">
        <v>435</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2075221</v>
      </c>
      <c r="AB110" s="889"/>
      <c r="AC110" s="889"/>
      <c r="AD110" s="889"/>
      <c r="AE110" s="890"/>
      <c r="AF110" s="891">
        <v>1960548</v>
      </c>
      <c r="AG110" s="889"/>
      <c r="AH110" s="889"/>
      <c r="AI110" s="889"/>
      <c r="AJ110" s="890"/>
      <c r="AK110" s="891">
        <v>1909307</v>
      </c>
      <c r="AL110" s="889"/>
      <c r="AM110" s="889"/>
      <c r="AN110" s="889"/>
      <c r="AO110" s="890"/>
      <c r="AP110" s="892">
        <v>8.9</v>
      </c>
      <c r="AQ110" s="893"/>
      <c r="AR110" s="893"/>
      <c r="AS110" s="893"/>
      <c r="AT110" s="894"/>
      <c r="AU110" s="930" t="s">
        <v>74</v>
      </c>
      <c r="AV110" s="931"/>
      <c r="AW110" s="931"/>
      <c r="AX110" s="931"/>
      <c r="AY110" s="931"/>
      <c r="AZ110" s="860" t="s">
        <v>436</v>
      </c>
      <c r="BA110" s="808"/>
      <c r="BB110" s="808"/>
      <c r="BC110" s="808"/>
      <c r="BD110" s="808"/>
      <c r="BE110" s="808"/>
      <c r="BF110" s="808"/>
      <c r="BG110" s="808"/>
      <c r="BH110" s="808"/>
      <c r="BI110" s="808"/>
      <c r="BJ110" s="808"/>
      <c r="BK110" s="808"/>
      <c r="BL110" s="808"/>
      <c r="BM110" s="808"/>
      <c r="BN110" s="808"/>
      <c r="BO110" s="808"/>
      <c r="BP110" s="809"/>
      <c r="BQ110" s="861">
        <v>18551035</v>
      </c>
      <c r="BR110" s="842"/>
      <c r="BS110" s="842"/>
      <c r="BT110" s="842"/>
      <c r="BU110" s="842"/>
      <c r="BV110" s="842">
        <v>18031351</v>
      </c>
      <c r="BW110" s="842"/>
      <c r="BX110" s="842"/>
      <c r="BY110" s="842"/>
      <c r="BZ110" s="842"/>
      <c r="CA110" s="842">
        <v>16226894</v>
      </c>
      <c r="CB110" s="842"/>
      <c r="CC110" s="842"/>
      <c r="CD110" s="842"/>
      <c r="CE110" s="842"/>
      <c r="CF110" s="866">
        <v>75.599999999999994</v>
      </c>
      <c r="CG110" s="867"/>
      <c r="CH110" s="867"/>
      <c r="CI110" s="867"/>
      <c r="CJ110" s="867"/>
      <c r="CK110" s="926" t="s">
        <v>437</v>
      </c>
      <c r="CL110" s="819"/>
      <c r="CM110" s="860" t="s">
        <v>438</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439</v>
      </c>
      <c r="DH110" s="842"/>
      <c r="DI110" s="842"/>
      <c r="DJ110" s="842"/>
      <c r="DK110" s="842"/>
      <c r="DL110" s="842" t="s">
        <v>439</v>
      </c>
      <c r="DM110" s="842"/>
      <c r="DN110" s="842"/>
      <c r="DO110" s="842"/>
      <c r="DP110" s="842"/>
      <c r="DQ110" s="842" t="s">
        <v>440</v>
      </c>
      <c r="DR110" s="842"/>
      <c r="DS110" s="842"/>
      <c r="DT110" s="842"/>
      <c r="DU110" s="842"/>
      <c r="DV110" s="843" t="s">
        <v>440</v>
      </c>
      <c r="DW110" s="843"/>
      <c r="DX110" s="843"/>
      <c r="DY110" s="843"/>
      <c r="DZ110" s="844"/>
    </row>
    <row r="111" spans="1:131" s="230" customFormat="1" ht="26.25" customHeight="1" x14ac:dyDescent="0.2">
      <c r="A111" s="774" t="s">
        <v>441</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440</v>
      </c>
      <c r="AB111" s="919"/>
      <c r="AC111" s="919"/>
      <c r="AD111" s="919"/>
      <c r="AE111" s="920"/>
      <c r="AF111" s="921" t="s">
        <v>440</v>
      </c>
      <c r="AG111" s="919"/>
      <c r="AH111" s="919"/>
      <c r="AI111" s="919"/>
      <c r="AJ111" s="920"/>
      <c r="AK111" s="921" t="s">
        <v>440</v>
      </c>
      <c r="AL111" s="919"/>
      <c r="AM111" s="919"/>
      <c r="AN111" s="919"/>
      <c r="AO111" s="920"/>
      <c r="AP111" s="922" t="s">
        <v>440</v>
      </c>
      <c r="AQ111" s="923"/>
      <c r="AR111" s="923"/>
      <c r="AS111" s="923"/>
      <c r="AT111" s="924"/>
      <c r="AU111" s="932"/>
      <c r="AV111" s="933"/>
      <c r="AW111" s="933"/>
      <c r="AX111" s="933"/>
      <c r="AY111" s="933"/>
      <c r="AZ111" s="815" t="s">
        <v>442</v>
      </c>
      <c r="BA111" s="752"/>
      <c r="BB111" s="752"/>
      <c r="BC111" s="752"/>
      <c r="BD111" s="752"/>
      <c r="BE111" s="752"/>
      <c r="BF111" s="752"/>
      <c r="BG111" s="752"/>
      <c r="BH111" s="752"/>
      <c r="BI111" s="752"/>
      <c r="BJ111" s="752"/>
      <c r="BK111" s="752"/>
      <c r="BL111" s="752"/>
      <c r="BM111" s="752"/>
      <c r="BN111" s="752"/>
      <c r="BO111" s="752"/>
      <c r="BP111" s="753"/>
      <c r="BQ111" s="816">
        <v>7591</v>
      </c>
      <c r="BR111" s="817"/>
      <c r="BS111" s="817"/>
      <c r="BT111" s="817"/>
      <c r="BU111" s="817"/>
      <c r="BV111" s="817" t="s">
        <v>439</v>
      </c>
      <c r="BW111" s="817"/>
      <c r="BX111" s="817"/>
      <c r="BY111" s="817"/>
      <c r="BZ111" s="817"/>
      <c r="CA111" s="817">
        <v>129211</v>
      </c>
      <c r="CB111" s="817"/>
      <c r="CC111" s="817"/>
      <c r="CD111" s="817"/>
      <c r="CE111" s="817"/>
      <c r="CF111" s="875">
        <v>0.6</v>
      </c>
      <c r="CG111" s="876"/>
      <c r="CH111" s="876"/>
      <c r="CI111" s="876"/>
      <c r="CJ111" s="876"/>
      <c r="CK111" s="927"/>
      <c r="CL111" s="821"/>
      <c r="CM111" s="815" t="s">
        <v>443</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439</v>
      </c>
      <c r="DH111" s="817"/>
      <c r="DI111" s="817"/>
      <c r="DJ111" s="817"/>
      <c r="DK111" s="817"/>
      <c r="DL111" s="817" t="s">
        <v>439</v>
      </c>
      <c r="DM111" s="817"/>
      <c r="DN111" s="817"/>
      <c r="DO111" s="817"/>
      <c r="DP111" s="817"/>
      <c r="DQ111" s="817" t="s">
        <v>440</v>
      </c>
      <c r="DR111" s="817"/>
      <c r="DS111" s="817"/>
      <c r="DT111" s="817"/>
      <c r="DU111" s="817"/>
      <c r="DV111" s="794" t="s">
        <v>439</v>
      </c>
      <c r="DW111" s="794"/>
      <c r="DX111" s="794"/>
      <c r="DY111" s="794"/>
      <c r="DZ111" s="795"/>
    </row>
    <row r="112" spans="1:131" s="230" customFormat="1" ht="26.25" customHeight="1" x14ac:dyDescent="0.2">
      <c r="A112" s="912" t="s">
        <v>444</v>
      </c>
      <c r="B112" s="913"/>
      <c r="C112" s="752" t="s">
        <v>445</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46</v>
      </c>
      <c r="AB112" s="780"/>
      <c r="AC112" s="780"/>
      <c r="AD112" s="780"/>
      <c r="AE112" s="781"/>
      <c r="AF112" s="782" t="s">
        <v>446</v>
      </c>
      <c r="AG112" s="780"/>
      <c r="AH112" s="780"/>
      <c r="AI112" s="780"/>
      <c r="AJ112" s="781"/>
      <c r="AK112" s="782" t="s">
        <v>446</v>
      </c>
      <c r="AL112" s="780"/>
      <c r="AM112" s="780"/>
      <c r="AN112" s="780"/>
      <c r="AO112" s="781"/>
      <c r="AP112" s="824" t="s">
        <v>446</v>
      </c>
      <c r="AQ112" s="825"/>
      <c r="AR112" s="825"/>
      <c r="AS112" s="825"/>
      <c r="AT112" s="826"/>
      <c r="AU112" s="932"/>
      <c r="AV112" s="933"/>
      <c r="AW112" s="933"/>
      <c r="AX112" s="933"/>
      <c r="AY112" s="933"/>
      <c r="AZ112" s="815" t="s">
        <v>447</v>
      </c>
      <c r="BA112" s="752"/>
      <c r="BB112" s="752"/>
      <c r="BC112" s="752"/>
      <c r="BD112" s="752"/>
      <c r="BE112" s="752"/>
      <c r="BF112" s="752"/>
      <c r="BG112" s="752"/>
      <c r="BH112" s="752"/>
      <c r="BI112" s="752"/>
      <c r="BJ112" s="752"/>
      <c r="BK112" s="752"/>
      <c r="BL112" s="752"/>
      <c r="BM112" s="752"/>
      <c r="BN112" s="752"/>
      <c r="BO112" s="752"/>
      <c r="BP112" s="753"/>
      <c r="BQ112" s="816">
        <v>2876824</v>
      </c>
      <c r="BR112" s="817"/>
      <c r="BS112" s="817"/>
      <c r="BT112" s="817"/>
      <c r="BU112" s="817"/>
      <c r="BV112" s="817">
        <v>2639304</v>
      </c>
      <c r="BW112" s="817"/>
      <c r="BX112" s="817"/>
      <c r="BY112" s="817"/>
      <c r="BZ112" s="817"/>
      <c r="CA112" s="817">
        <v>1914166</v>
      </c>
      <c r="CB112" s="817"/>
      <c r="CC112" s="817"/>
      <c r="CD112" s="817"/>
      <c r="CE112" s="817"/>
      <c r="CF112" s="875">
        <v>8.9</v>
      </c>
      <c r="CG112" s="876"/>
      <c r="CH112" s="876"/>
      <c r="CI112" s="876"/>
      <c r="CJ112" s="876"/>
      <c r="CK112" s="927"/>
      <c r="CL112" s="821"/>
      <c r="CM112" s="815" t="s">
        <v>448</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46</v>
      </c>
      <c r="DH112" s="817"/>
      <c r="DI112" s="817"/>
      <c r="DJ112" s="817"/>
      <c r="DK112" s="817"/>
      <c r="DL112" s="817" t="s">
        <v>446</v>
      </c>
      <c r="DM112" s="817"/>
      <c r="DN112" s="817"/>
      <c r="DO112" s="817"/>
      <c r="DP112" s="817"/>
      <c r="DQ112" s="817" t="s">
        <v>446</v>
      </c>
      <c r="DR112" s="817"/>
      <c r="DS112" s="817"/>
      <c r="DT112" s="817"/>
      <c r="DU112" s="817"/>
      <c r="DV112" s="794" t="s">
        <v>449</v>
      </c>
      <c r="DW112" s="794"/>
      <c r="DX112" s="794"/>
      <c r="DY112" s="794"/>
      <c r="DZ112" s="795"/>
    </row>
    <row r="113" spans="1:130" s="230" customFormat="1" ht="26.25" customHeight="1" x14ac:dyDescent="0.2">
      <c r="A113" s="914"/>
      <c r="B113" s="915"/>
      <c r="C113" s="752" t="s">
        <v>450</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399095</v>
      </c>
      <c r="AB113" s="919"/>
      <c r="AC113" s="919"/>
      <c r="AD113" s="919"/>
      <c r="AE113" s="920"/>
      <c r="AF113" s="921">
        <v>372320</v>
      </c>
      <c r="AG113" s="919"/>
      <c r="AH113" s="919"/>
      <c r="AI113" s="919"/>
      <c r="AJ113" s="920"/>
      <c r="AK113" s="921">
        <v>347732</v>
      </c>
      <c r="AL113" s="919"/>
      <c r="AM113" s="919"/>
      <c r="AN113" s="919"/>
      <c r="AO113" s="920"/>
      <c r="AP113" s="922">
        <v>1.6</v>
      </c>
      <c r="AQ113" s="923"/>
      <c r="AR113" s="923"/>
      <c r="AS113" s="923"/>
      <c r="AT113" s="924"/>
      <c r="AU113" s="932"/>
      <c r="AV113" s="933"/>
      <c r="AW113" s="933"/>
      <c r="AX113" s="933"/>
      <c r="AY113" s="933"/>
      <c r="AZ113" s="815" t="s">
        <v>451</v>
      </c>
      <c r="BA113" s="752"/>
      <c r="BB113" s="752"/>
      <c r="BC113" s="752"/>
      <c r="BD113" s="752"/>
      <c r="BE113" s="752"/>
      <c r="BF113" s="752"/>
      <c r="BG113" s="752"/>
      <c r="BH113" s="752"/>
      <c r="BI113" s="752"/>
      <c r="BJ113" s="752"/>
      <c r="BK113" s="752"/>
      <c r="BL113" s="752"/>
      <c r="BM113" s="752"/>
      <c r="BN113" s="752"/>
      <c r="BO113" s="752"/>
      <c r="BP113" s="753"/>
      <c r="BQ113" s="816">
        <v>6590</v>
      </c>
      <c r="BR113" s="817"/>
      <c r="BS113" s="817"/>
      <c r="BT113" s="817"/>
      <c r="BU113" s="817"/>
      <c r="BV113" s="817">
        <v>5984</v>
      </c>
      <c r="BW113" s="817"/>
      <c r="BX113" s="817"/>
      <c r="BY113" s="817"/>
      <c r="BZ113" s="817"/>
      <c r="CA113" s="817">
        <v>5121</v>
      </c>
      <c r="CB113" s="817"/>
      <c r="CC113" s="817"/>
      <c r="CD113" s="817"/>
      <c r="CE113" s="817"/>
      <c r="CF113" s="875">
        <v>0</v>
      </c>
      <c r="CG113" s="876"/>
      <c r="CH113" s="876"/>
      <c r="CI113" s="876"/>
      <c r="CJ113" s="876"/>
      <c r="CK113" s="927"/>
      <c r="CL113" s="821"/>
      <c r="CM113" s="815" t="s">
        <v>452</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446</v>
      </c>
      <c r="DH113" s="780"/>
      <c r="DI113" s="780"/>
      <c r="DJ113" s="780"/>
      <c r="DK113" s="781"/>
      <c r="DL113" s="782" t="s">
        <v>446</v>
      </c>
      <c r="DM113" s="780"/>
      <c r="DN113" s="780"/>
      <c r="DO113" s="780"/>
      <c r="DP113" s="781"/>
      <c r="DQ113" s="782" t="s">
        <v>446</v>
      </c>
      <c r="DR113" s="780"/>
      <c r="DS113" s="780"/>
      <c r="DT113" s="780"/>
      <c r="DU113" s="781"/>
      <c r="DV113" s="824" t="s">
        <v>446</v>
      </c>
      <c r="DW113" s="825"/>
      <c r="DX113" s="825"/>
      <c r="DY113" s="825"/>
      <c r="DZ113" s="826"/>
    </row>
    <row r="114" spans="1:130" s="230" customFormat="1" ht="26.25" customHeight="1" x14ac:dyDescent="0.2">
      <c r="A114" s="914"/>
      <c r="B114" s="915"/>
      <c r="C114" s="752" t="s">
        <v>453</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14215</v>
      </c>
      <c r="AB114" s="780"/>
      <c r="AC114" s="780"/>
      <c r="AD114" s="780"/>
      <c r="AE114" s="781"/>
      <c r="AF114" s="782">
        <v>877</v>
      </c>
      <c r="AG114" s="780"/>
      <c r="AH114" s="780"/>
      <c r="AI114" s="780"/>
      <c r="AJ114" s="781"/>
      <c r="AK114" s="782">
        <v>823</v>
      </c>
      <c r="AL114" s="780"/>
      <c r="AM114" s="780"/>
      <c r="AN114" s="780"/>
      <c r="AO114" s="781"/>
      <c r="AP114" s="824">
        <v>0</v>
      </c>
      <c r="AQ114" s="825"/>
      <c r="AR114" s="825"/>
      <c r="AS114" s="825"/>
      <c r="AT114" s="826"/>
      <c r="AU114" s="932"/>
      <c r="AV114" s="933"/>
      <c r="AW114" s="933"/>
      <c r="AX114" s="933"/>
      <c r="AY114" s="933"/>
      <c r="AZ114" s="815" t="s">
        <v>454</v>
      </c>
      <c r="BA114" s="752"/>
      <c r="BB114" s="752"/>
      <c r="BC114" s="752"/>
      <c r="BD114" s="752"/>
      <c r="BE114" s="752"/>
      <c r="BF114" s="752"/>
      <c r="BG114" s="752"/>
      <c r="BH114" s="752"/>
      <c r="BI114" s="752"/>
      <c r="BJ114" s="752"/>
      <c r="BK114" s="752"/>
      <c r="BL114" s="752"/>
      <c r="BM114" s="752"/>
      <c r="BN114" s="752"/>
      <c r="BO114" s="752"/>
      <c r="BP114" s="753"/>
      <c r="BQ114" s="816">
        <v>5067426</v>
      </c>
      <c r="BR114" s="817"/>
      <c r="BS114" s="817"/>
      <c r="BT114" s="817"/>
      <c r="BU114" s="817"/>
      <c r="BV114" s="817">
        <v>4982944</v>
      </c>
      <c r="BW114" s="817"/>
      <c r="BX114" s="817"/>
      <c r="BY114" s="817"/>
      <c r="BZ114" s="817"/>
      <c r="CA114" s="817">
        <v>4881401</v>
      </c>
      <c r="CB114" s="817"/>
      <c r="CC114" s="817"/>
      <c r="CD114" s="817"/>
      <c r="CE114" s="817"/>
      <c r="CF114" s="875">
        <v>22.7</v>
      </c>
      <c r="CG114" s="876"/>
      <c r="CH114" s="876"/>
      <c r="CI114" s="876"/>
      <c r="CJ114" s="876"/>
      <c r="CK114" s="927"/>
      <c r="CL114" s="821"/>
      <c r="CM114" s="815" t="s">
        <v>455</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46</v>
      </c>
      <c r="DH114" s="780"/>
      <c r="DI114" s="780"/>
      <c r="DJ114" s="780"/>
      <c r="DK114" s="781"/>
      <c r="DL114" s="782" t="s">
        <v>446</v>
      </c>
      <c r="DM114" s="780"/>
      <c r="DN114" s="780"/>
      <c r="DO114" s="780"/>
      <c r="DP114" s="781"/>
      <c r="DQ114" s="782" t="s">
        <v>446</v>
      </c>
      <c r="DR114" s="780"/>
      <c r="DS114" s="780"/>
      <c r="DT114" s="780"/>
      <c r="DU114" s="781"/>
      <c r="DV114" s="824" t="s">
        <v>446</v>
      </c>
      <c r="DW114" s="825"/>
      <c r="DX114" s="825"/>
      <c r="DY114" s="825"/>
      <c r="DZ114" s="826"/>
    </row>
    <row r="115" spans="1:130" s="230" customFormat="1" ht="26.25" customHeight="1" x14ac:dyDescent="0.2">
      <c r="A115" s="914"/>
      <c r="B115" s="915"/>
      <c r="C115" s="752" t="s">
        <v>456</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8170</v>
      </c>
      <c r="AB115" s="919"/>
      <c r="AC115" s="919"/>
      <c r="AD115" s="919"/>
      <c r="AE115" s="920"/>
      <c r="AF115" s="921">
        <v>7591</v>
      </c>
      <c r="AG115" s="919"/>
      <c r="AH115" s="919"/>
      <c r="AI115" s="919"/>
      <c r="AJ115" s="920"/>
      <c r="AK115" s="921" t="s">
        <v>446</v>
      </c>
      <c r="AL115" s="919"/>
      <c r="AM115" s="919"/>
      <c r="AN115" s="919"/>
      <c r="AO115" s="920"/>
      <c r="AP115" s="922" t="s">
        <v>446</v>
      </c>
      <c r="AQ115" s="923"/>
      <c r="AR115" s="923"/>
      <c r="AS115" s="923"/>
      <c r="AT115" s="924"/>
      <c r="AU115" s="932"/>
      <c r="AV115" s="933"/>
      <c r="AW115" s="933"/>
      <c r="AX115" s="933"/>
      <c r="AY115" s="933"/>
      <c r="AZ115" s="815" t="s">
        <v>457</v>
      </c>
      <c r="BA115" s="752"/>
      <c r="BB115" s="752"/>
      <c r="BC115" s="752"/>
      <c r="BD115" s="752"/>
      <c r="BE115" s="752"/>
      <c r="BF115" s="752"/>
      <c r="BG115" s="752"/>
      <c r="BH115" s="752"/>
      <c r="BI115" s="752"/>
      <c r="BJ115" s="752"/>
      <c r="BK115" s="752"/>
      <c r="BL115" s="752"/>
      <c r="BM115" s="752"/>
      <c r="BN115" s="752"/>
      <c r="BO115" s="752"/>
      <c r="BP115" s="753"/>
      <c r="BQ115" s="816" t="s">
        <v>446</v>
      </c>
      <c r="BR115" s="817"/>
      <c r="BS115" s="817"/>
      <c r="BT115" s="817"/>
      <c r="BU115" s="817"/>
      <c r="BV115" s="817" t="s">
        <v>446</v>
      </c>
      <c r="BW115" s="817"/>
      <c r="BX115" s="817"/>
      <c r="BY115" s="817"/>
      <c r="BZ115" s="817"/>
      <c r="CA115" s="817" t="s">
        <v>446</v>
      </c>
      <c r="CB115" s="817"/>
      <c r="CC115" s="817"/>
      <c r="CD115" s="817"/>
      <c r="CE115" s="817"/>
      <c r="CF115" s="875" t="s">
        <v>446</v>
      </c>
      <c r="CG115" s="876"/>
      <c r="CH115" s="876"/>
      <c r="CI115" s="876"/>
      <c r="CJ115" s="876"/>
      <c r="CK115" s="927"/>
      <c r="CL115" s="821"/>
      <c r="CM115" s="815" t="s">
        <v>458</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446</v>
      </c>
      <c r="DH115" s="780"/>
      <c r="DI115" s="780"/>
      <c r="DJ115" s="780"/>
      <c r="DK115" s="781"/>
      <c r="DL115" s="782" t="s">
        <v>446</v>
      </c>
      <c r="DM115" s="780"/>
      <c r="DN115" s="780"/>
      <c r="DO115" s="780"/>
      <c r="DP115" s="781"/>
      <c r="DQ115" s="782">
        <v>129211</v>
      </c>
      <c r="DR115" s="780"/>
      <c r="DS115" s="780"/>
      <c r="DT115" s="780"/>
      <c r="DU115" s="781"/>
      <c r="DV115" s="824">
        <v>0.6</v>
      </c>
      <c r="DW115" s="825"/>
      <c r="DX115" s="825"/>
      <c r="DY115" s="825"/>
      <c r="DZ115" s="826"/>
    </row>
    <row r="116" spans="1:130" s="230" customFormat="1" ht="26.25" customHeight="1" x14ac:dyDescent="0.2">
      <c r="A116" s="916"/>
      <c r="B116" s="917"/>
      <c r="C116" s="839" t="s">
        <v>459</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446</v>
      </c>
      <c r="AB116" s="780"/>
      <c r="AC116" s="780"/>
      <c r="AD116" s="780"/>
      <c r="AE116" s="781"/>
      <c r="AF116" s="782" t="s">
        <v>446</v>
      </c>
      <c r="AG116" s="780"/>
      <c r="AH116" s="780"/>
      <c r="AI116" s="780"/>
      <c r="AJ116" s="781"/>
      <c r="AK116" s="782" t="s">
        <v>446</v>
      </c>
      <c r="AL116" s="780"/>
      <c r="AM116" s="780"/>
      <c r="AN116" s="780"/>
      <c r="AO116" s="781"/>
      <c r="AP116" s="824" t="s">
        <v>446</v>
      </c>
      <c r="AQ116" s="825"/>
      <c r="AR116" s="825"/>
      <c r="AS116" s="825"/>
      <c r="AT116" s="826"/>
      <c r="AU116" s="932"/>
      <c r="AV116" s="933"/>
      <c r="AW116" s="933"/>
      <c r="AX116" s="933"/>
      <c r="AY116" s="933"/>
      <c r="AZ116" s="909" t="s">
        <v>460</v>
      </c>
      <c r="BA116" s="910"/>
      <c r="BB116" s="910"/>
      <c r="BC116" s="910"/>
      <c r="BD116" s="910"/>
      <c r="BE116" s="910"/>
      <c r="BF116" s="910"/>
      <c r="BG116" s="910"/>
      <c r="BH116" s="910"/>
      <c r="BI116" s="910"/>
      <c r="BJ116" s="910"/>
      <c r="BK116" s="910"/>
      <c r="BL116" s="910"/>
      <c r="BM116" s="910"/>
      <c r="BN116" s="910"/>
      <c r="BO116" s="910"/>
      <c r="BP116" s="911"/>
      <c r="BQ116" s="816" t="s">
        <v>446</v>
      </c>
      <c r="BR116" s="817"/>
      <c r="BS116" s="817"/>
      <c r="BT116" s="817"/>
      <c r="BU116" s="817"/>
      <c r="BV116" s="817" t="s">
        <v>446</v>
      </c>
      <c r="BW116" s="817"/>
      <c r="BX116" s="817"/>
      <c r="BY116" s="817"/>
      <c r="BZ116" s="817"/>
      <c r="CA116" s="817" t="s">
        <v>446</v>
      </c>
      <c r="CB116" s="817"/>
      <c r="CC116" s="817"/>
      <c r="CD116" s="817"/>
      <c r="CE116" s="817"/>
      <c r="CF116" s="875" t="s">
        <v>446</v>
      </c>
      <c r="CG116" s="876"/>
      <c r="CH116" s="876"/>
      <c r="CI116" s="876"/>
      <c r="CJ116" s="876"/>
      <c r="CK116" s="927"/>
      <c r="CL116" s="821"/>
      <c r="CM116" s="815" t="s">
        <v>461</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v>7591</v>
      </c>
      <c r="DH116" s="780"/>
      <c r="DI116" s="780"/>
      <c r="DJ116" s="780"/>
      <c r="DK116" s="781"/>
      <c r="DL116" s="782" t="s">
        <v>446</v>
      </c>
      <c r="DM116" s="780"/>
      <c r="DN116" s="780"/>
      <c r="DO116" s="780"/>
      <c r="DP116" s="781"/>
      <c r="DQ116" s="782" t="s">
        <v>446</v>
      </c>
      <c r="DR116" s="780"/>
      <c r="DS116" s="780"/>
      <c r="DT116" s="780"/>
      <c r="DU116" s="781"/>
      <c r="DV116" s="824" t="s">
        <v>446</v>
      </c>
      <c r="DW116" s="825"/>
      <c r="DX116" s="825"/>
      <c r="DY116" s="825"/>
      <c r="DZ116" s="826"/>
    </row>
    <row r="117" spans="1:130" s="230" customFormat="1" ht="26.25" customHeight="1" x14ac:dyDescent="0.2">
      <c r="A117" s="895" t="s">
        <v>188</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62</v>
      </c>
      <c r="Z117" s="897"/>
      <c r="AA117" s="902">
        <v>2496701</v>
      </c>
      <c r="AB117" s="903"/>
      <c r="AC117" s="903"/>
      <c r="AD117" s="903"/>
      <c r="AE117" s="904"/>
      <c r="AF117" s="905">
        <v>2341336</v>
      </c>
      <c r="AG117" s="903"/>
      <c r="AH117" s="903"/>
      <c r="AI117" s="903"/>
      <c r="AJ117" s="904"/>
      <c r="AK117" s="905">
        <v>2257862</v>
      </c>
      <c r="AL117" s="903"/>
      <c r="AM117" s="903"/>
      <c r="AN117" s="903"/>
      <c r="AO117" s="904"/>
      <c r="AP117" s="906"/>
      <c r="AQ117" s="907"/>
      <c r="AR117" s="907"/>
      <c r="AS117" s="907"/>
      <c r="AT117" s="908"/>
      <c r="AU117" s="932"/>
      <c r="AV117" s="933"/>
      <c r="AW117" s="933"/>
      <c r="AX117" s="933"/>
      <c r="AY117" s="933"/>
      <c r="AZ117" s="863" t="s">
        <v>463</v>
      </c>
      <c r="BA117" s="864"/>
      <c r="BB117" s="864"/>
      <c r="BC117" s="864"/>
      <c r="BD117" s="864"/>
      <c r="BE117" s="864"/>
      <c r="BF117" s="864"/>
      <c r="BG117" s="864"/>
      <c r="BH117" s="864"/>
      <c r="BI117" s="864"/>
      <c r="BJ117" s="864"/>
      <c r="BK117" s="864"/>
      <c r="BL117" s="864"/>
      <c r="BM117" s="864"/>
      <c r="BN117" s="864"/>
      <c r="BO117" s="864"/>
      <c r="BP117" s="865"/>
      <c r="BQ117" s="816" t="s">
        <v>464</v>
      </c>
      <c r="BR117" s="817"/>
      <c r="BS117" s="817"/>
      <c r="BT117" s="817"/>
      <c r="BU117" s="817"/>
      <c r="BV117" s="817" t="s">
        <v>464</v>
      </c>
      <c r="BW117" s="817"/>
      <c r="BX117" s="817"/>
      <c r="BY117" s="817"/>
      <c r="BZ117" s="817"/>
      <c r="CA117" s="817" t="s">
        <v>465</v>
      </c>
      <c r="CB117" s="817"/>
      <c r="CC117" s="817"/>
      <c r="CD117" s="817"/>
      <c r="CE117" s="817"/>
      <c r="CF117" s="875" t="s">
        <v>465</v>
      </c>
      <c r="CG117" s="876"/>
      <c r="CH117" s="876"/>
      <c r="CI117" s="876"/>
      <c r="CJ117" s="876"/>
      <c r="CK117" s="927"/>
      <c r="CL117" s="821"/>
      <c r="CM117" s="815" t="s">
        <v>466</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467</v>
      </c>
      <c r="DH117" s="780"/>
      <c r="DI117" s="780"/>
      <c r="DJ117" s="780"/>
      <c r="DK117" s="781"/>
      <c r="DL117" s="782" t="s">
        <v>468</v>
      </c>
      <c r="DM117" s="780"/>
      <c r="DN117" s="780"/>
      <c r="DO117" s="780"/>
      <c r="DP117" s="781"/>
      <c r="DQ117" s="782" t="s">
        <v>469</v>
      </c>
      <c r="DR117" s="780"/>
      <c r="DS117" s="780"/>
      <c r="DT117" s="780"/>
      <c r="DU117" s="781"/>
      <c r="DV117" s="824" t="s">
        <v>469</v>
      </c>
      <c r="DW117" s="825"/>
      <c r="DX117" s="825"/>
      <c r="DY117" s="825"/>
      <c r="DZ117" s="826"/>
    </row>
    <row r="118" spans="1:130" s="230" customFormat="1" ht="26.25" customHeight="1" x14ac:dyDescent="0.2">
      <c r="A118" s="895" t="s">
        <v>434</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31</v>
      </c>
      <c r="AB118" s="896"/>
      <c r="AC118" s="896"/>
      <c r="AD118" s="896"/>
      <c r="AE118" s="897"/>
      <c r="AF118" s="898" t="s">
        <v>432</v>
      </c>
      <c r="AG118" s="896"/>
      <c r="AH118" s="896"/>
      <c r="AI118" s="896"/>
      <c r="AJ118" s="897"/>
      <c r="AK118" s="898" t="s">
        <v>308</v>
      </c>
      <c r="AL118" s="896"/>
      <c r="AM118" s="896"/>
      <c r="AN118" s="896"/>
      <c r="AO118" s="897"/>
      <c r="AP118" s="899" t="s">
        <v>433</v>
      </c>
      <c r="AQ118" s="900"/>
      <c r="AR118" s="900"/>
      <c r="AS118" s="900"/>
      <c r="AT118" s="901"/>
      <c r="AU118" s="932"/>
      <c r="AV118" s="933"/>
      <c r="AW118" s="933"/>
      <c r="AX118" s="933"/>
      <c r="AY118" s="933"/>
      <c r="AZ118" s="838" t="s">
        <v>470</v>
      </c>
      <c r="BA118" s="839"/>
      <c r="BB118" s="839"/>
      <c r="BC118" s="839"/>
      <c r="BD118" s="839"/>
      <c r="BE118" s="839"/>
      <c r="BF118" s="839"/>
      <c r="BG118" s="839"/>
      <c r="BH118" s="839"/>
      <c r="BI118" s="839"/>
      <c r="BJ118" s="839"/>
      <c r="BK118" s="839"/>
      <c r="BL118" s="839"/>
      <c r="BM118" s="839"/>
      <c r="BN118" s="839"/>
      <c r="BO118" s="839"/>
      <c r="BP118" s="840"/>
      <c r="BQ118" s="879" t="s">
        <v>465</v>
      </c>
      <c r="BR118" s="845"/>
      <c r="BS118" s="845"/>
      <c r="BT118" s="845"/>
      <c r="BU118" s="845"/>
      <c r="BV118" s="845" t="s">
        <v>468</v>
      </c>
      <c r="BW118" s="845"/>
      <c r="BX118" s="845"/>
      <c r="BY118" s="845"/>
      <c r="BZ118" s="845"/>
      <c r="CA118" s="845" t="s">
        <v>467</v>
      </c>
      <c r="CB118" s="845"/>
      <c r="CC118" s="845"/>
      <c r="CD118" s="845"/>
      <c r="CE118" s="845"/>
      <c r="CF118" s="875" t="s">
        <v>469</v>
      </c>
      <c r="CG118" s="876"/>
      <c r="CH118" s="876"/>
      <c r="CI118" s="876"/>
      <c r="CJ118" s="876"/>
      <c r="CK118" s="927"/>
      <c r="CL118" s="821"/>
      <c r="CM118" s="815" t="s">
        <v>471</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468</v>
      </c>
      <c r="DH118" s="780"/>
      <c r="DI118" s="780"/>
      <c r="DJ118" s="780"/>
      <c r="DK118" s="781"/>
      <c r="DL118" s="782" t="s">
        <v>469</v>
      </c>
      <c r="DM118" s="780"/>
      <c r="DN118" s="780"/>
      <c r="DO118" s="780"/>
      <c r="DP118" s="781"/>
      <c r="DQ118" s="782" t="s">
        <v>469</v>
      </c>
      <c r="DR118" s="780"/>
      <c r="DS118" s="780"/>
      <c r="DT118" s="780"/>
      <c r="DU118" s="781"/>
      <c r="DV118" s="824" t="s">
        <v>469</v>
      </c>
      <c r="DW118" s="825"/>
      <c r="DX118" s="825"/>
      <c r="DY118" s="825"/>
      <c r="DZ118" s="826"/>
    </row>
    <row r="119" spans="1:130" s="230" customFormat="1" ht="26.25" customHeight="1" x14ac:dyDescent="0.2">
      <c r="A119" s="818" t="s">
        <v>437</v>
      </c>
      <c r="B119" s="819"/>
      <c r="C119" s="860" t="s">
        <v>438</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464</v>
      </c>
      <c r="AB119" s="889"/>
      <c r="AC119" s="889"/>
      <c r="AD119" s="889"/>
      <c r="AE119" s="890"/>
      <c r="AF119" s="891" t="s">
        <v>467</v>
      </c>
      <c r="AG119" s="889"/>
      <c r="AH119" s="889"/>
      <c r="AI119" s="889"/>
      <c r="AJ119" s="890"/>
      <c r="AK119" s="891" t="s">
        <v>464</v>
      </c>
      <c r="AL119" s="889"/>
      <c r="AM119" s="889"/>
      <c r="AN119" s="889"/>
      <c r="AO119" s="890"/>
      <c r="AP119" s="892" t="s">
        <v>469</v>
      </c>
      <c r="AQ119" s="893"/>
      <c r="AR119" s="893"/>
      <c r="AS119" s="893"/>
      <c r="AT119" s="894"/>
      <c r="AU119" s="934"/>
      <c r="AV119" s="935"/>
      <c r="AW119" s="935"/>
      <c r="AX119" s="935"/>
      <c r="AY119" s="935"/>
      <c r="AZ119" s="251" t="s">
        <v>188</v>
      </c>
      <c r="BA119" s="251"/>
      <c r="BB119" s="251"/>
      <c r="BC119" s="251"/>
      <c r="BD119" s="251"/>
      <c r="BE119" s="251"/>
      <c r="BF119" s="251"/>
      <c r="BG119" s="251"/>
      <c r="BH119" s="251"/>
      <c r="BI119" s="251"/>
      <c r="BJ119" s="251"/>
      <c r="BK119" s="251"/>
      <c r="BL119" s="251"/>
      <c r="BM119" s="251"/>
      <c r="BN119" s="251"/>
      <c r="BO119" s="877" t="s">
        <v>472</v>
      </c>
      <c r="BP119" s="878"/>
      <c r="BQ119" s="879">
        <v>26509466</v>
      </c>
      <c r="BR119" s="845"/>
      <c r="BS119" s="845"/>
      <c r="BT119" s="845"/>
      <c r="BU119" s="845"/>
      <c r="BV119" s="845">
        <v>25659583</v>
      </c>
      <c r="BW119" s="845"/>
      <c r="BX119" s="845"/>
      <c r="BY119" s="845"/>
      <c r="BZ119" s="845"/>
      <c r="CA119" s="845">
        <v>23156793</v>
      </c>
      <c r="CB119" s="845"/>
      <c r="CC119" s="845"/>
      <c r="CD119" s="845"/>
      <c r="CE119" s="845"/>
      <c r="CF119" s="748"/>
      <c r="CG119" s="749"/>
      <c r="CH119" s="749"/>
      <c r="CI119" s="749"/>
      <c r="CJ119" s="834"/>
      <c r="CK119" s="928"/>
      <c r="CL119" s="823"/>
      <c r="CM119" s="838" t="s">
        <v>473</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469</v>
      </c>
      <c r="DH119" s="764"/>
      <c r="DI119" s="764"/>
      <c r="DJ119" s="764"/>
      <c r="DK119" s="765"/>
      <c r="DL119" s="766" t="s">
        <v>465</v>
      </c>
      <c r="DM119" s="764"/>
      <c r="DN119" s="764"/>
      <c r="DO119" s="764"/>
      <c r="DP119" s="765"/>
      <c r="DQ119" s="766" t="s">
        <v>469</v>
      </c>
      <c r="DR119" s="764"/>
      <c r="DS119" s="764"/>
      <c r="DT119" s="764"/>
      <c r="DU119" s="765"/>
      <c r="DV119" s="848" t="s">
        <v>468</v>
      </c>
      <c r="DW119" s="849"/>
      <c r="DX119" s="849"/>
      <c r="DY119" s="849"/>
      <c r="DZ119" s="850"/>
    </row>
    <row r="120" spans="1:130" s="230" customFormat="1" ht="26.25" customHeight="1" x14ac:dyDescent="0.2">
      <c r="A120" s="820"/>
      <c r="B120" s="821"/>
      <c r="C120" s="815" t="s">
        <v>443</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468</v>
      </c>
      <c r="AB120" s="780"/>
      <c r="AC120" s="780"/>
      <c r="AD120" s="780"/>
      <c r="AE120" s="781"/>
      <c r="AF120" s="782" t="s">
        <v>468</v>
      </c>
      <c r="AG120" s="780"/>
      <c r="AH120" s="780"/>
      <c r="AI120" s="780"/>
      <c r="AJ120" s="781"/>
      <c r="AK120" s="782" t="s">
        <v>468</v>
      </c>
      <c r="AL120" s="780"/>
      <c r="AM120" s="780"/>
      <c r="AN120" s="780"/>
      <c r="AO120" s="781"/>
      <c r="AP120" s="824" t="s">
        <v>469</v>
      </c>
      <c r="AQ120" s="825"/>
      <c r="AR120" s="825"/>
      <c r="AS120" s="825"/>
      <c r="AT120" s="826"/>
      <c r="AU120" s="880" t="s">
        <v>474</v>
      </c>
      <c r="AV120" s="881"/>
      <c r="AW120" s="881"/>
      <c r="AX120" s="881"/>
      <c r="AY120" s="882"/>
      <c r="AZ120" s="860" t="s">
        <v>475</v>
      </c>
      <c r="BA120" s="808"/>
      <c r="BB120" s="808"/>
      <c r="BC120" s="808"/>
      <c r="BD120" s="808"/>
      <c r="BE120" s="808"/>
      <c r="BF120" s="808"/>
      <c r="BG120" s="808"/>
      <c r="BH120" s="808"/>
      <c r="BI120" s="808"/>
      <c r="BJ120" s="808"/>
      <c r="BK120" s="808"/>
      <c r="BL120" s="808"/>
      <c r="BM120" s="808"/>
      <c r="BN120" s="808"/>
      <c r="BO120" s="808"/>
      <c r="BP120" s="809"/>
      <c r="BQ120" s="861">
        <v>13522782</v>
      </c>
      <c r="BR120" s="842"/>
      <c r="BS120" s="842"/>
      <c r="BT120" s="842"/>
      <c r="BU120" s="842"/>
      <c r="BV120" s="842">
        <v>16575854</v>
      </c>
      <c r="BW120" s="842"/>
      <c r="BX120" s="842"/>
      <c r="BY120" s="842"/>
      <c r="BZ120" s="842"/>
      <c r="CA120" s="842">
        <v>17046775</v>
      </c>
      <c r="CB120" s="842"/>
      <c r="CC120" s="842"/>
      <c r="CD120" s="842"/>
      <c r="CE120" s="842"/>
      <c r="CF120" s="866">
        <v>79.400000000000006</v>
      </c>
      <c r="CG120" s="867"/>
      <c r="CH120" s="867"/>
      <c r="CI120" s="867"/>
      <c r="CJ120" s="867"/>
      <c r="CK120" s="868" t="s">
        <v>476</v>
      </c>
      <c r="CL120" s="852"/>
      <c r="CM120" s="852"/>
      <c r="CN120" s="852"/>
      <c r="CO120" s="853"/>
      <c r="CP120" s="872" t="s">
        <v>477</v>
      </c>
      <c r="CQ120" s="873"/>
      <c r="CR120" s="873"/>
      <c r="CS120" s="873"/>
      <c r="CT120" s="873"/>
      <c r="CU120" s="873"/>
      <c r="CV120" s="873"/>
      <c r="CW120" s="873"/>
      <c r="CX120" s="873"/>
      <c r="CY120" s="873"/>
      <c r="CZ120" s="873"/>
      <c r="DA120" s="873"/>
      <c r="DB120" s="873"/>
      <c r="DC120" s="873"/>
      <c r="DD120" s="873"/>
      <c r="DE120" s="873"/>
      <c r="DF120" s="874"/>
      <c r="DG120" s="861">
        <v>2876760</v>
      </c>
      <c r="DH120" s="842"/>
      <c r="DI120" s="842"/>
      <c r="DJ120" s="842"/>
      <c r="DK120" s="842"/>
      <c r="DL120" s="842">
        <v>2639304</v>
      </c>
      <c r="DM120" s="842"/>
      <c r="DN120" s="842"/>
      <c r="DO120" s="842"/>
      <c r="DP120" s="842"/>
      <c r="DQ120" s="842">
        <v>1914166</v>
      </c>
      <c r="DR120" s="842"/>
      <c r="DS120" s="842"/>
      <c r="DT120" s="842"/>
      <c r="DU120" s="842"/>
      <c r="DV120" s="843">
        <v>8.9</v>
      </c>
      <c r="DW120" s="843"/>
      <c r="DX120" s="843"/>
      <c r="DY120" s="843"/>
      <c r="DZ120" s="844"/>
    </row>
    <row r="121" spans="1:130" s="230" customFormat="1" ht="26.25" customHeight="1" x14ac:dyDescent="0.2">
      <c r="A121" s="820"/>
      <c r="B121" s="821"/>
      <c r="C121" s="863" t="s">
        <v>478</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465</v>
      </c>
      <c r="AB121" s="780"/>
      <c r="AC121" s="780"/>
      <c r="AD121" s="780"/>
      <c r="AE121" s="781"/>
      <c r="AF121" s="782" t="s">
        <v>464</v>
      </c>
      <c r="AG121" s="780"/>
      <c r="AH121" s="780"/>
      <c r="AI121" s="780"/>
      <c r="AJ121" s="781"/>
      <c r="AK121" s="782" t="s">
        <v>469</v>
      </c>
      <c r="AL121" s="780"/>
      <c r="AM121" s="780"/>
      <c r="AN121" s="780"/>
      <c r="AO121" s="781"/>
      <c r="AP121" s="824" t="s">
        <v>464</v>
      </c>
      <c r="AQ121" s="825"/>
      <c r="AR121" s="825"/>
      <c r="AS121" s="825"/>
      <c r="AT121" s="826"/>
      <c r="AU121" s="883"/>
      <c r="AV121" s="884"/>
      <c r="AW121" s="884"/>
      <c r="AX121" s="884"/>
      <c r="AY121" s="885"/>
      <c r="AZ121" s="815" t="s">
        <v>479</v>
      </c>
      <c r="BA121" s="752"/>
      <c r="BB121" s="752"/>
      <c r="BC121" s="752"/>
      <c r="BD121" s="752"/>
      <c r="BE121" s="752"/>
      <c r="BF121" s="752"/>
      <c r="BG121" s="752"/>
      <c r="BH121" s="752"/>
      <c r="BI121" s="752"/>
      <c r="BJ121" s="752"/>
      <c r="BK121" s="752"/>
      <c r="BL121" s="752"/>
      <c r="BM121" s="752"/>
      <c r="BN121" s="752"/>
      <c r="BO121" s="752"/>
      <c r="BP121" s="753"/>
      <c r="BQ121" s="816">
        <v>5989684</v>
      </c>
      <c r="BR121" s="817"/>
      <c r="BS121" s="817"/>
      <c r="BT121" s="817"/>
      <c r="BU121" s="817"/>
      <c r="BV121" s="817">
        <v>5788111</v>
      </c>
      <c r="BW121" s="817"/>
      <c r="BX121" s="817"/>
      <c r="BY121" s="817"/>
      <c r="BZ121" s="817"/>
      <c r="CA121" s="817">
        <v>4309066</v>
      </c>
      <c r="CB121" s="817"/>
      <c r="CC121" s="817"/>
      <c r="CD121" s="817"/>
      <c r="CE121" s="817"/>
      <c r="CF121" s="875">
        <v>20.100000000000001</v>
      </c>
      <c r="CG121" s="876"/>
      <c r="CH121" s="876"/>
      <c r="CI121" s="876"/>
      <c r="CJ121" s="876"/>
      <c r="CK121" s="869"/>
      <c r="CL121" s="855"/>
      <c r="CM121" s="855"/>
      <c r="CN121" s="855"/>
      <c r="CO121" s="856"/>
      <c r="CP121" s="835" t="s">
        <v>480</v>
      </c>
      <c r="CQ121" s="836"/>
      <c r="CR121" s="836"/>
      <c r="CS121" s="836"/>
      <c r="CT121" s="836"/>
      <c r="CU121" s="836"/>
      <c r="CV121" s="836"/>
      <c r="CW121" s="836"/>
      <c r="CX121" s="836"/>
      <c r="CY121" s="836"/>
      <c r="CZ121" s="836"/>
      <c r="DA121" s="836"/>
      <c r="DB121" s="836"/>
      <c r="DC121" s="836"/>
      <c r="DD121" s="836"/>
      <c r="DE121" s="836"/>
      <c r="DF121" s="837"/>
      <c r="DG121" s="816" t="s">
        <v>469</v>
      </c>
      <c r="DH121" s="817"/>
      <c r="DI121" s="817"/>
      <c r="DJ121" s="817"/>
      <c r="DK121" s="817"/>
      <c r="DL121" s="817" t="s">
        <v>468</v>
      </c>
      <c r="DM121" s="817"/>
      <c r="DN121" s="817"/>
      <c r="DO121" s="817"/>
      <c r="DP121" s="817"/>
      <c r="DQ121" s="817" t="s">
        <v>469</v>
      </c>
      <c r="DR121" s="817"/>
      <c r="DS121" s="817"/>
      <c r="DT121" s="817"/>
      <c r="DU121" s="817"/>
      <c r="DV121" s="794" t="s">
        <v>468</v>
      </c>
      <c r="DW121" s="794"/>
      <c r="DX121" s="794"/>
      <c r="DY121" s="794"/>
      <c r="DZ121" s="795"/>
    </row>
    <row r="122" spans="1:130" s="230" customFormat="1" ht="26.25" customHeight="1" x14ac:dyDescent="0.2">
      <c r="A122" s="820"/>
      <c r="B122" s="821"/>
      <c r="C122" s="815" t="s">
        <v>455</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468</v>
      </c>
      <c r="AB122" s="780"/>
      <c r="AC122" s="780"/>
      <c r="AD122" s="780"/>
      <c r="AE122" s="781"/>
      <c r="AF122" s="782" t="s">
        <v>465</v>
      </c>
      <c r="AG122" s="780"/>
      <c r="AH122" s="780"/>
      <c r="AI122" s="780"/>
      <c r="AJ122" s="781"/>
      <c r="AK122" s="782" t="s">
        <v>469</v>
      </c>
      <c r="AL122" s="780"/>
      <c r="AM122" s="780"/>
      <c r="AN122" s="780"/>
      <c r="AO122" s="781"/>
      <c r="AP122" s="824" t="s">
        <v>469</v>
      </c>
      <c r="AQ122" s="825"/>
      <c r="AR122" s="825"/>
      <c r="AS122" s="825"/>
      <c r="AT122" s="826"/>
      <c r="AU122" s="883"/>
      <c r="AV122" s="884"/>
      <c r="AW122" s="884"/>
      <c r="AX122" s="884"/>
      <c r="AY122" s="885"/>
      <c r="AZ122" s="838" t="s">
        <v>481</v>
      </c>
      <c r="BA122" s="839"/>
      <c r="BB122" s="839"/>
      <c r="BC122" s="839"/>
      <c r="BD122" s="839"/>
      <c r="BE122" s="839"/>
      <c r="BF122" s="839"/>
      <c r="BG122" s="839"/>
      <c r="BH122" s="839"/>
      <c r="BI122" s="839"/>
      <c r="BJ122" s="839"/>
      <c r="BK122" s="839"/>
      <c r="BL122" s="839"/>
      <c r="BM122" s="839"/>
      <c r="BN122" s="839"/>
      <c r="BO122" s="839"/>
      <c r="BP122" s="840"/>
      <c r="BQ122" s="879">
        <v>14539389</v>
      </c>
      <c r="BR122" s="845"/>
      <c r="BS122" s="845"/>
      <c r="BT122" s="845"/>
      <c r="BU122" s="845"/>
      <c r="BV122" s="845">
        <v>14058739</v>
      </c>
      <c r="BW122" s="845"/>
      <c r="BX122" s="845"/>
      <c r="BY122" s="845"/>
      <c r="BZ122" s="845"/>
      <c r="CA122" s="845">
        <v>12743679</v>
      </c>
      <c r="CB122" s="845"/>
      <c r="CC122" s="845"/>
      <c r="CD122" s="845"/>
      <c r="CE122" s="845"/>
      <c r="CF122" s="846">
        <v>59.4</v>
      </c>
      <c r="CG122" s="847"/>
      <c r="CH122" s="847"/>
      <c r="CI122" s="847"/>
      <c r="CJ122" s="847"/>
      <c r="CK122" s="869"/>
      <c r="CL122" s="855"/>
      <c r="CM122" s="855"/>
      <c r="CN122" s="855"/>
      <c r="CO122" s="856"/>
      <c r="CP122" s="835" t="s">
        <v>482</v>
      </c>
      <c r="CQ122" s="836"/>
      <c r="CR122" s="836"/>
      <c r="CS122" s="836"/>
      <c r="CT122" s="836"/>
      <c r="CU122" s="836"/>
      <c r="CV122" s="836"/>
      <c r="CW122" s="836"/>
      <c r="CX122" s="836"/>
      <c r="CY122" s="836"/>
      <c r="CZ122" s="836"/>
      <c r="DA122" s="836"/>
      <c r="DB122" s="836"/>
      <c r="DC122" s="836"/>
      <c r="DD122" s="836"/>
      <c r="DE122" s="836"/>
      <c r="DF122" s="837"/>
      <c r="DG122" s="816" t="s">
        <v>468</v>
      </c>
      <c r="DH122" s="817"/>
      <c r="DI122" s="817"/>
      <c r="DJ122" s="817"/>
      <c r="DK122" s="817"/>
      <c r="DL122" s="817" t="s">
        <v>469</v>
      </c>
      <c r="DM122" s="817"/>
      <c r="DN122" s="817"/>
      <c r="DO122" s="817"/>
      <c r="DP122" s="817"/>
      <c r="DQ122" s="817" t="s">
        <v>469</v>
      </c>
      <c r="DR122" s="817"/>
      <c r="DS122" s="817"/>
      <c r="DT122" s="817"/>
      <c r="DU122" s="817"/>
      <c r="DV122" s="794" t="s">
        <v>468</v>
      </c>
      <c r="DW122" s="794"/>
      <c r="DX122" s="794"/>
      <c r="DY122" s="794"/>
      <c r="DZ122" s="795"/>
    </row>
    <row r="123" spans="1:130" s="230" customFormat="1" ht="26.25" customHeight="1" x14ac:dyDescent="0.2">
      <c r="A123" s="820"/>
      <c r="B123" s="821"/>
      <c r="C123" s="815" t="s">
        <v>461</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v>8170</v>
      </c>
      <c r="AB123" s="780"/>
      <c r="AC123" s="780"/>
      <c r="AD123" s="780"/>
      <c r="AE123" s="781"/>
      <c r="AF123" s="782">
        <v>7591</v>
      </c>
      <c r="AG123" s="780"/>
      <c r="AH123" s="780"/>
      <c r="AI123" s="780"/>
      <c r="AJ123" s="781"/>
      <c r="AK123" s="782" t="s">
        <v>469</v>
      </c>
      <c r="AL123" s="780"/>
      <c r="AM123" s="780"/>
      <c r="AN123" s="780"/>
      <c r="AO123" s="781"/>
      <c r="AP123" s="824" t="s">
        <v>465</v>
      </c>
      <c r="AQ123" s="825"/>
      <c r="AR123" s="825"/>
      <c r="AS123" s="825"/>
      <c r="AT123" s="826"/>
      <c r="AU123" s="886"/>
      <c r="AV123" s="887"/>
      <c r="AW123" s="887"/>
      <c r="AX123" s="887"/>
      <c r="AY123" s="887"/>
      <c r="AZ123" s="251" t="s">
        <v>188</v>
      </c>
      <c r="BA123" s="251"/>
      <c r="BB123" s="251"/>
      <c r="BC123" s="251"/>
      <c r="BD123" s="251"/>
      <c r="BE123" s="251"/>
      <c r="BF123" s="251"/>
      <c r="BG123" s="251"/>
      <c r="BH123" s="251"/>
      <c r="BI123" s="251"/>
      <c r="BJ123" s="251"/>
      <c r="BK123" s="251"/>
      <c r="BL123" s="251"/>
      <c r="BM123" s="251"/>
      <c r="BN123" s="251"/>
      <c r="BO123" s="877" t="s">
        <v>483</v>
      </c>
      <c r="BP123" s="878"/>
      <c r="BQ123" s="832">
        <v>34051855</v>
      </c>
      <c r="BR123" s="833"/>
      <c r="BS123" s="833"/>
      <c r="BT123" s="833"/>
      <c r="BU123" s="833"/>
      <c r="BV123" s="833">
        <v>36422704</v>
      </c>
      <c r="BW123" s="833"/>
      <c r="BX123" s="833"/>
      <c r="BY123" s="833"/>
      <c r="BZ123" s="833"/>
      <c r="CA123" s="833">
        <v>34099520</v>
      </c>
      <c r="CB123" s="833"/>
      <c r="CC123" s="833"/>
      <c r="CD123" s="833"/>
      <c r="CE123" s="833"/>
      <c r="CF123" s="748"/>
      <c r="CG123" s="749"/>
      <c r="CH123" s="749"/>
      <c r="CI123" s="749"/>
      <c r="CJ123" s="834"/>
      <c r="CK123" s="869"/>
      <c r="CL123" s="855"/>
      <c r="CM123" s="855"/>
      <c r="CN123" s="855"/>
      <c r="CO123" s="856"/>
      <c r="CP123" s="835" t="s">
        <v>484</v>
      </c>
      <c r="CQ123" s="836"/>
      <c r="CR123" s="836"/>
      <c r="CS123" s="836"/>
      <c r="CT123" s="836"/>
      <c r="CU123" s="836"/>
      <c r="CV123" s="836"/>
      <c r="CW123" s="836"/>
      <c r="CX123" s="836"/>
      <c r="CY123" s="836"/>
      <c r="CZ123" s="836"/>
      <c r="DA123" s="836"/>
      <c r="DB123" s="836"/>
      <c r="DC123" s="836"/>
      <c r="DD123" s="836"/>
      <c r="DE123" s="836"/>
      <c r="DF123" s="837"/>
      <c r="DG123" s="779" t="s">
        <v>468</v>
      </c>
      <c r="DH123" s="780"/>
      <c r="DI123" s="780"/>
      <c r="DJ123" s="780"/>
      <c r="DK123" s="781"/>
      <c r="DL123" s="782" t="s">
        <v>468</v>
      </c>
      <c r="DM123" s="780"/>
      <c r="DN123" s="780"/>
      <c r="DO123" s="780"/>
      <c r="DP123" s="781"/>
      <c r="DQ123" s="782" t="s">
        <v>465</v>
      </c>
      <c r="DR123" s="780"/>
      <c r="DS123" s="780"/>
      <c r="DT123" s="780"/>
      <c r="DU123" s="781"/>
      <c r="DV123" s="824" t="s">
        <v>468</v>
      </c>
      <c r="DW123" s="825"/>
      <c r="DX123" s="825"/>
      <c r="DY123" s="825"/>
      <c r="DZ123" s="826"/>
    </row>
    <row r="124" spans="1:130" s="230" customFormat="1" ht="26.25" customHeight="1" thickBot="1" x14ac:dyDescent="0.25">
      <c r="A124" s="820"/>
      <c r="B124" s="821"/>
      <c r="C124" s="815" t="s">
        <v>466</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468</v>
      </c>
      <c r="AB124" s="780"/>
      <c r="AC124" s="780"/>
      <c r="AD124" s="780"/>
      <c r="AE124" s="781"/>
      <c r="AF124" s="782" t="s">
        <v>469</v>
      </c>
      <c r="AG124" s="780"/>
      <c r="AH124" s="780"/>
      <c r="AI124" s="780"/>
      <c r="AJ124" s="781"/>
      <c r="AK124" s="782" t="s">
        <v>464</v>
      </c>
      <c r="AL124" s="780"/>
      <c r="AM124" s="780"/>
      <c r="AN124" s="780"/>
      <c r="AO124" s="781"/>
      <c r="AP124" s="824" t="s">
        <v>465</v>
      </c>
      <c r="AQ124" s="825"/>
      <c r="AR124" s="825"/>
      <c r="AS124" s="825"/>
      <c r="AT124" s="826"/>
      <c r="AU124" s="827" t="s">
        <v>485</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468</v>
      </c>
      <c r="BR124" s="831"/>
      <c r="BS124" s="831"/>
      <c r="BT124" s="831"/>
      <c r="BU124" s="831"/>
      <c r="BV124" s="831" t="s">
        <v>468</v>
      </c>
      <c r="BW124" s="831"/>
      <c r="BX124" s="831"/>
      <c r="BY124" s="831"/>
      <c r="BZ124" s="831"/>
      <c r="CA124" s="831" t="s">
        <v>465</v>
      </c>
      <c r="CB124" s="831"/>
      <c r="CC124" s="831"/>
      <c r="CD124" s="831"/>
      <c r="CE124" s="831"/>
      <c r="CF124" s="726"/>
      <c r="CG124" s="727"/>
      <c r="CH124" s="727"/>
      <c r="CI124" s="727"/>
      <c r="CJ124" s="862"/>
      <c r="CK124" s="870"/>
      <c r="CL124" s="870"/>
      <c r="CM124" s="870"/>
      <c r="CN124" s="870"/>
      <c r="CO124" s="871"/>
      <c r="CP124" s="835" t="s">
        <v>486</v>
      </c>
      <c r="CQ124" s="836"/>
      <c r="CR124" s="836"/>
      <c r="CS124" s="836"/>
      <c r="CT124" s="836"/>
      <c r="CU124" s="836"/>
      <c r="CV124" s="836"/>
      <c r="CW124" s="836"/>
      <c r="CX124" s="836"/>
      <c r="CY124" s="836"/>
      <c r="CZ124" s="836"/>
      <c r="DA124" s="836"/>
      <c r="DB124" s="836"/>
      <c r="DC124" s="836"/>
      <c r="DD124" s="836"/>
      <c r="DE124" s="836"/>
      <c r="DF124" s="837"/>
      <c r="DG124" s="763">
        <v>64</v>
      </c>
      <c r="DH124" s="764"/>
      <c r="DI124" s="764"/>
      <c r="DJ124" s="764"/>
      <c r="DK124" s="765"/>
      <c r="DL124" s="766" t="s">
        <v>176</v>
      </c>
      <c r="DM124" s="764"/>
      <c r="DN124" s="764"/>
      <c r="DO124" s="764"/>
      <c r="DP124" s="765"/>
      <c r="DQ124" s="766" t="s">
        <v>176</v>
      </c>
      <c r="DR124" s="764"/>
      <c r="DS124" s="764"/>
      <c r="DT124" s="764"/>
      <c r="DU124" s="765"/>
      <c r="DV124" s="848" t="s">
        <v>176</v>
      </c>
      <c r="DW124" s="849"/>
      <c r="DX124" s="849"/>
      <c r="DY124" s="849"/>
      <c r="DZ124" s="850"/>
    </row>
    <row r="125" spans="1:130" s="230" customFormat="1" ht="26.25" customHeight="1" x14ac:dyDescent="0.2">
      <c r="A125" s="820"/>
      <c r="B125" s="821"/>
      <c r="C125" s="815" t="s">
        <v>471</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176</v>
      </c>
      <c r="AB125" s="780"/>
      <c r="AC125" s="780"/>
      <c r="AD125" s="780"/>
      <c r="AE125" s="781"/>
      <c r="AF125" s="782" t="s">
        <v>176</v>
      </c>
      <c r="AG125" s="780"/>
      <c r="AH125" s="780"/>
      <c r="AI125" s="780"/>
      <c r="AJ125" s="781"/>
      <c r="AK125" s="782" t="s">
        <v>176</v>
      </c>
      <c r="AL125" s="780"/>
      <c r="AM125" s="780"/>
      <c r="AN125" s="780"/>
      <c r="AO125" s="781"/>
      <c r="AP125" s="824" t="s">
        <v>176</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87</v>
      </c>
      <c r="CL125" s="852"/>
      <c r="CM125" s="852"/>
      <c r="CN125" s="852"/>
      <c r="CO125" s="853"/>
      <c r="CP125" s="860" t="s">
        <v>488</v>
      </c>
      <c r="CQ125" s="808"/>
      <c r="CR125" s="808"/>
      <c r="CS125" s="808"/>
      <c r="CT125" s="808"/>
      <c r="CU125" s="808"/>
      <c r="CV125" s="808"/>
      <c r="CW125" s="808"/>
      <c r="CX125" s="808"/>
      <c r="CY125" s="808"/>
      <c r="CZ125" s="808"/>
      <c r="DA125" s="808"/>
      <c r="DB125" s="808"/>
      <c r="DC125" s="808"/>
      <c r="DD125" s="808"/>
      <c r="DE125" s="808"/>
      <c r="DF125" s="809"/>
      <c r="DG125" s="861" t="s">
        <v>176</v>
      </c>
      <c r="DH125" s="842"/>
      <c r="DI125" s="842"/>
      <c r="DJ125" s="842"/>
      <c r="DK125" s="842"/>
      <c r="DL125" s="842" t="s">
        <v>176</v>
      </c>
      <c r="DM125" s="842"/>
      <c r="DN125" s="842"/>
      <c r="DO125" s="842"/>
      <c r="DP125" s="842"/>
      <c r="DQ125" s="842" t="s">
        <v>176</v>
      </c>
      <c r="DR125" s="842"/>
      <c r="DS125" s="842"/>
      <c r="DT125" s="842"/>
      <c r="DU125" s="842"/>
      <c r="DV125" s="843" t="s">
        <v>176</v>
      </c>
      <c r="DW125" s="843"/>
      <c r="DX125" s="843"/>
      <c r="DY125" s="843"/>
      <c r="DZ125" s="844"/>
    </row>
    <row r="126" spans="1:130" s="230" customFormat="1" ht="26.25" customHeight="1" thickBot="1" x14ac:dyDescent="0.25">
      <c r="A126" s="820"/>
      <c r="B126" s="821"/>
      <c r="C126" s="815" t="s">
        <v>473</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76</v>
      </c>
      <c r="AB126" s="780"/>
      <c r="AC126" s="780"/>
      <c r="AD126" s="780"/>
      <c r="AE126" s="781"/>
      <c r="AF126" s="782" t="s">
        <v>176</v>
      </c>
      <c r="AG126" s="780"/>
      <c r="AH126" s="780"/>
      <c r="AI126" s="780"/>
      <c r="AJ126" s="781"/>
      <c r="AK126" s="782" t="s">
        <v>176</v>
      </c>
      <c r="AL126" s="780"/>
      <c r="AM126" s="780"/>
      <c r="AN126" s="780"/>
      <c r="AO126" s="781"/>
      <c r="AP126" s="824" t="s">
        <v>176</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89</v>
      </c>
      <c r="CQ126" s="752"/>
      <c r="CR126" s="752"/>
      <c r="CS126" s="752"/>
      <c r="CT126" s="752"/>
      <c r="CU126" s="752"/>
      <c r="CV126" s="752"/>
      <c r="CW126" s="752"/>
      <c r="CX126" s="752"/>
      <c r="CY126" s="752"/>
      <c r="CZ126" s="752"/>
      <c r="DA126" s="752"/>
      <c r="DB126" s="752"/>
      <c r="DC126" s="752"/>
      <c r="DD126" s="752"/>
      <c r="DE126" s="752"/>
      <c r="DF126" s="753"/>
      <c r="DG126" s="816" t="s">
        <v>176</v>
      </c>
      <c r="DH126" s="817"/>
      <c r="DI126" s="817"/>
      <c r="DJ126" s="817"/>
      <c r="DK126" s="817"/>
      <c r="DL126" s="817" t="s">
        <v>176</v>
      </c>
      <c r="DM126" s="817"/>
      <c r="DN126" s="817"/>
      <c r="DO126" s="817"/>
      <c r="DP126" s="817"/>
      <c r="DQ126" s="817" t="s">
        <v>176</v>
      </c>
      <c r="DR126" s="817"/>
      <c r="DS126" s="817"/>
      <c r="DT126" s="817"/>
      <c r="DU126" s="817"/>
      <c r="DV126" s="794" t="s">
        <v>176</v>
      </c>
      <c r="DW126" s="794"/>
      <c r="DX126" s="794"/>
      <c r="DY126" s="794"/>
      <c r="DZ126" s="795"/>
    </row>
    <row r="127" spans="1:130" s="230" customFormat="1" ht="26.25" customHeight="1" x14ac:dyDescent="0.2">
      <c r="A127" s="822"/>
      <c r="B127" s="823"/>
      <c r="C127" s="838" t="s">
        <v>490</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76</v>
      </c>
      <c r="AB127" s="780"/>
      <c r="AC127" s="780"/>
      <c r="AD127" s="780"/>
      <c r="AE127" s="781"/>
      <c r="AF127" s="782" t="s">
        <v>176</v>
      </c>
      <c r="AG127" s="780"/>
      <c r="AH127" s="780"/>
      <c r="AI127" s="780"/>
      <c r="AJ127" s="781"/>
      <c r="AK127" s="782" t="s">
        <v>176</v>
      </c>
      <c r="AL127" s="780"/>
      <c r="AM127" s="780"/>
      <c r="AN127" s="780"/>
      <c r="AO127" s="781"/>
      <c r="AP127" s="824" t="s">
        <v>176</v>
      </c>
      <c r="AQ127" s="825"/>
      <c r="AR127" s="825"/>
      <c r="AS127" s="825"/>
      <c r="AT127" s="826"/>
      <c r="AU127" s="232"/>
      <c r="AV127" s="232"/>
      <c r="AW127" s="232"/>
      <c r="AX127" s="841" t="s">
        <v>491</v>
      </c>
      <c r="AY127" s="812"/>
      <c r="AZ127" s="812"/>
      <c r="BA127" s="812"/>
      <c r="BB127" s="812"/>
      <c r="BC127" s="812"/>
      <c r="BD127" s="812"/>
      <c r="BE127" s="813"/>
      <c r="BF127" s="811" t="s">
        <v>492</v>
      </c>
      <c r="BG127" s="812"/>
      <c r="BH127" s="812"/>
      <c r="BI127" s="812"/>
      <c r="BJ127" s="812"/>
      <c r="BK127" s="812"/>
      <c r="BL127" s="813"/>
      <c r="BM127" s="811" t="s">
        <v>493</v>
      </c>
      <c r="BN127" s="812"/>
      <c r="BO127" s="812"/>
      <c r="BP127" s="812"/>
      <c r="BQ127" s="812"/>
      <c r="BR127" s="812"/>
      <c r="BS127" s="813"/>
      <c r="BT127" s="811" t="s">
        <v>494</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95</v>
      </c>
      <c r="CQ127" s="752"/>
      <c r="CR127" s="752"/>
      <c r="CS127" s="752"/>
      <c r="CT127" s="752"/>
      <c r="CU127" s="752"/>
      <c r="CV127" s="752"/>
      <c r="CW127" s="752"/>
      <c r="CX127" s="752"/>
      <c r="CY127" s="752"/>
      <c r="CZ127" s="752"/>
      <c r="DA127" s="752"/>
      <c r="DB127" s="752"/>
      <c r="DC127" s="752"/>
      <c r="DD127" s="752"/>
      <c r="DE127" s="752"/>
      <c r="DF127" s="753"/>
      <c r="DG127" s="816" t="s">
        <v>176</v>
      </c>
      <c r="DH127" s="817"/>
      <c r="DI127" s="817"/>
      <c r="DJ127" s="817"/>
      <c r="DK127" s="817"/>
      <c r="DL127" s="817" t="s">
        <v>176</v>
      </c>
      <c r="DM127" s="817"/>
      <c r="DN127" s="817"/>
      <c r="DO127" s="817"/>
      <c r="DP127" s="817"/>
      <c r="DQ127" s="817" t="s">
        <v>176</v>
      </c>
      <c r="DR127" s="817"/>
      <c r="DS127" s="817"/>
      <c r="DT127" s="817"/>
      <c r="DU127" s="817"/>
      <c r="DV127" s="794" t="s">
        <v>176</v>
      </c>
      <c r="DW127" s="794"/>
      <c r="DX127" s="794"/>
      <c r="DY127" s="794"/>
      <c r="DZ127" s="795"/>
    </row>
    <row r="128" spans="1:130" s="230" customFormat="1" ht="26.25" customHeight="1" thickBot="1" x14ac:dyDescent="0.25">
      <c r="A128" s="796" t="s">
        <v>496</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97</v>
      </c>
      <c r="X128" s="798"/>
      <c r="Y128" s="798"/>
      <c r="Z128" s="799"/>
      <c r="AA128" s="800">
        <v>800905</v>
      </c>
      <c r="AB128" s="801"/>
      <c r="AC128" s="801"/>
      <c r="AD128" s="801"/>
      <c r="AE128" s="802"/>
      <c r="AF128" s="803">
        <v>764171</v>
      </c>
      <c r="AG128" s="801"/>
      <c r="AH128" s="801"/>
      <c r="AI128" s="801"/>
      <c r="AJ128" s="802"/>
      <c r="AK128" s="803">
        <v>673867</v>
      </c>
      <c r="AL128" s="801"/>
      <c r="AM128" s="801"/>
      <c r="AN128" s="801"/>
      <c r="AO128" s="802"/>
      <c r="AP128" s="804"/>
      <c r="AQ128" s="805"/>
      <c r="AR128" s="805"/>
      <c r="AS128" s="805"/>
      <c r="AT128" s="806"/>
      <c r="AU128" s="232"/>
      <c r="AV128" s="232"/>
      <c r="AW128" s="232"/>
      <c r="AX128" s="807" t="s">
        <v>498</v>
      </c>
      <c r="AY128" s="808"/>
      <c r="AZ128" s="808"/>
      <c r="BA128" s="808"/>
      <c r="BB128" s="808"/>
      <c r="BC128" s="808"/>
      <c r="BD128" s="808"/>
      <c r="BE128" s="809"/>
      <c r="BF128" s="786" t="s">
        <v>499</v>
      </c>
      <c r="BG128" s="787"/>
      <c r="BH128" s="787"/>
      <c r="BI128" s="787"/>
      <c r="BJ128" s="787"/>
      <c r="BK128" s="787"/>
      <c r="BL128" s="810"/>
      <c r="BM128" s="786">
        <v>12.23</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500</v>
      </c>
      <c r="CQ128" s="730"/>
      <c r="CR128" s="730"/>
      <c r="CS128" s="730"/>
      <c r="CT128" s="730"/>
      <c r="CU128" s="730"/>
      <c r="CV128" s="730"/>
      <c r="CW128" s="730"/>
      <c r="CX128" s="730"/>
      <c r="CY128" s="730"/>
      <c r="CZ128" s="730"/>
      <c r="DA128" s="730"/>
      <c r="DB128" s="730"/>
      <c r="DC128" s="730"/>
      <c r="DD128" s="730"/>
      <c r="DE128" s="730"/>
      <c r="DF128" s="731"/>
      <c r="DG128" s="790" t="s">
        <v>499</v>
      </c>
      <c r="DH128" s="791"/>
      <c r="DI128" s="791"/>
      <c r="DJ128" s="791"/>
      <c r="DK128" s="791"/>
      <c r="DL128" s="791" t="s">
        <v>499</v>
      </c>
      <c r="DM128" s="791"/>
      <c r="DN128" s="791"/>
      <c r="DO128" s="791"/>
      <c r="DP128" s="791"/>
      <c r="DQ128" s="791" t="s">
        <v>501</v>
      </c>
      <c r="DR128" s="791"/>
      <c r="DS128" s="791"/>
      <c r="DT128" s="791"/>
      <c r="DU128" s="791"/>
      <c r="DV128" s="792" t="s">
        <v>499</v>
      </c>
      <c r="DW128" s="792"/>
      <c r="DX128" s="792"/>
      <c r="DY128" s="792"/>
      <c r="DZ128" s="793"/>
    </row>
    <row r="129" spans="1:131" s="230" customFormat="1" ht="26.25" customHeight="1" x14ac:dyDescent="0.2">
      <c r="A129" s="774" t="s">
        <v>109</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502</v>
      </c>
      <c r="X129" s="777"/>
      <c r="Y129" s="777"/>
      <c r="Z129" s="778"/>
      <c r="AA129" s="779">
        <v>21940734</v>
      </c>
      <c r="AB129" s="780"/>
      <c r="AC129" s="780"/>
      <c r="AD129" s="780"/>
      <c r="AE129" s="781"/>
      <c r="AF129" s="782">
        <v>22997159</v>
      </c>
      <c r="AG129" s="780"/>
      <c r="AH129" s="780"/>
      <c r="AI129" s="780"/>
      <c r="AJ129" s="781"/>
      <c r="AK129" s="782">
        <v>22984135</v>
      </c>
      <c r="AL129" s="780"/>
      <c r="AM129" s="780"/>
      <c r="AN129" s="780"/>
      <c r="AO129" s="781"/>
      <c r="AP129" s="783"/>
      <c r="AQ129" s="784"/>
      <c r="AR129" s="784"/>
      <c r="AS129" s="784"/>
      <c r="AT129" s="785"/>
      <c r="AU129" s="233"/>
      <c r="AV129" s="233"/>
      <c r="AW129" s="233"/>
      <c r="AX129" s="751" t="s">
        <v>503</v>
      </c>
      <c r="AY129" s="752"/>
      <c r="AZ129" s="752"/>
      <c r="BA129" s="752"/>
      <c r="BB129" s="752"/>
      <c r="BC129" s="752"/>
      <c r="BD129" s="752"/>
      <c r="BE129" s="753"/>
      <c r="BF129" s="770" t="s">
        <v>504</v>
      </c>
      <c r="BG129" s="771"/>
      <c r="BH129" s="771"/>
      <c r="BI129" s="771"/>
      <c r="BJ129" s="771"/>
      <c r="BK129" s="771"/>
      <c r="BL129" s="772"/>
      <c r="BM129" s="770">
        <v>17.23</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505</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506</v>
      </c>
      <c r="X130" s="777"/>
      <c r="Y130" s="777"/>
      <c r="Z130" s="778"/>
      <c r="AA130" s="779">
        <v>1589344</v>
      </c>
      <c r="AB130" s="780"/>
      <c r="AC130" s="780"/>
      <c r="AD130" s="780"/>
      <c r="AE130" s="781"/>
      <c r="AF130" s="782">
        <v>1556106</v>
      </c>
      <c r="AG130" s="780"/>
      <c r="AH130" s="780"/>
      <c r="AI130" s="780"/>
      <c r="AJ130" s="781"/>
      <c r="AK130" s="782">
        <v>1513060</v>
      </c>
      <c r="AL130" s="780"/>
      <c r="AM130" s="780"/>
      <c r="AN130" s="780"/>
      <c r="AO130" s="781"/>
      <c r="AP130" s="783"/>
      <c r="AQ130" s="784"/>
      <c r="AR130" s="784"/>
      <c r="AS130" s="784"/>
      <c r="AT130" s="785"/>
      <c r="AU130" s="233"/>
      <c r="AV130" s="233"/>
      <c r="AW130" s="233"/>
      <c r="AX130" s="751" t="s">
        <v>507</v>
      </c>
      <c r="AY130" s="752"/>
      <c r="AZ130" s="752"/>
      <c r="BA130" s="752"/>
      <c r="BB130" s="752"/>
      <c r="BC130" s="752"/>
      <c r="BD130" s="752"/>
      <c r="BE130" s="753"/>
      <c r="BF130" s="754">
        <v>0.3</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508</v>
      </c>
      <c r="X131" s="761"/>
      <c r="Y131" s="761"/>
      <c r="Z131" s="762"/>
      <c r="AA131" s="763">
        <v>20351390</v>
      </c>
      <c r="AB131" s="764"/>
      <c r="AC131" s="764"/>
      <c r="AD131" s="764"/>
      <c r="AE131" s="765"/>
      <c r="AF131" s="766">
        <v>21441053</v>
      </c>
      <c r="AG131" s="764"/>
      <c r="AH131" s="764"/>
      <c r="AI131" s="764"/>
      <c r="AJ131" s="765"/>
      <c r="AK131" s="766">
        <v>21471075</v>
      </c>
      <c r="AL131" s="764"/>
      <c r="AM131" s="764"/>
      <c r="AN131" s="764"/>
      <c r="AO131" s="765"/>
      <c r="AP131" s="767"/>
      <c r="AQ131" s="768"/>
      <c r="AR131" s="768"/>
      <c r="AS131" s="768"/>
      <c r="AT131" s="769"/>
      <c r="AU131" s="233"/>
      <c r="AV131" s="233"/>
      <c r="AW131" s="233"/>
      <c r="AX131" s="729" t="s">
        <v>509</v>
      </c>
      <c r="AY131" s="730"/>
      <c r="AZ131" s="730"/>
      <c r="BA131" s="730"/>
      <c r="BB131" s="730"/>
      <c r="BC131" s="730"/>
      <c r="BD131" s="730"/>
      <c r="BE131" s="731"/>
      <c r="BF131" s="732" t="s">
        <v>499</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510</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511</v>
      </c>
      <c r="W132" s="742"/>
      <c r="X132" s="742"/>
      <c r="Y132" s="742"/>
      <c r="Z132" s="743"/>
      <c r="AA132" s="744">
        <v>0.52306992299999999</v>
      </c>
      <c r="AB132" s="745"/>
      <c r="AC132" s="745"/>
      <c r="AD132" s="745"/>
      <c r="AE132" s="746"/>
      <c r="AF132" s="747">
        <v>9.8218124000000004E-2</v>
      </c>
      <c r="AG132" s="745"/>
      <c r="AH132" s="745"/>
      <c r="AI132" s="745"/>
      <c r="AJ132" s="746"/>
      <c r="AK132" s="747">
        <v>0.33037470200000002</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512</v>
      </c>
      <c r="W133" s="721"/>
      <c r="X133" s="721"/>
      <c r="Y133" s="721"/>
      <c r="Z133" s="722"/>
      <c r="AA133" s="723">
        <v>0.5</v>
      </c>
      <c r="AB133" s="724"/>
      <c r="AC133" s="724"/>
      <c r="AD133" s="724"/>
      <c r="AE133" s="725"/>
      <c r="AF133" s="723">
        <v>0.4</v>
      </c>
      <c r="AG133" s="724"/>
      <c r="AH133" s="724"/>
      <c r="AI133" s="724"/>
      <c r="AJ133" s="725"/>
      <c r="AK133" s="723">
        <v>0.3</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uYbz6JgovOutOR5kzd2Qa5htAbvcckO+dmLMZS2qWsycxQHM3QqhQ+avYVbEMTmTv1eFwkdIq5gDGz8p57cu3Q==" saltValue="eGdpNnWQ+uyJkIMiXvhyT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13</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xKr63JSYMTDJpQTQ+apI0YktluhkbpNVcLlfcw0AIqbF3Mh0l2+AXG+iFpBjiZVFW3ahUXydfEvcvKPAFw3foQ==" saltValue="eh9/RSb7yvdwFU4o6svlH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vmt8KhJ8GkD3NsPZryEzQhDfyJz3AbcWviVjWfKs+BPCoXz6SQu7CkGENq8P409+kTQ9ezDd8V7QYWagyTklLQ==" saltValue="T2tMhDDUXQg/UutKrxJrn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14</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5</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20" t="s">
        <v>516</v>
      </c>
      <c r="AP7" s="272"/>
      <c r="AQ7" s="273" t="s">
        <v>517</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21"/>
      <c r="AP8" s="278" t="s">
        <v>518</v>
      </c>
      <c r="AQ8" s="279" t="s">
        <v>519</v>
      </c>
      <c r="AR8" s="280" t="s">
        <v>520</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2" t="s">
        <v>521</v>
      </c>
      <c r="AL9" s="1133"/>
      <c r="AM9" s="1133"/>
      <c r="AN9" s="1134"/>
      <c r="AO9" s="281">
        <v>5816884</v>
      </c>
      <c r="AP9" s="281">
        <v>50910</v>
      </c>
      <c r="AQ9" s="282">
        <v>62374</v>
      </c>
      <c r="AR9" s="283">
        <v>-18.399999999999999</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2" t="s">
        <v>522</v>
      </c>
      <c r="AL10" s="1133"/>
      <c r="AM10" s="1133"/>
      <c r="AN10" s="1134"/>
      <c r="AO10" s="284">
        <v>24084</v>
      </c>
      <c r="AP10" s="284">
        <v>211</v>
      </c>
      <c r="AQ10" s="285">
        <v>4230</v>
      </c>
      <c r="AR10" s="286">
        <v>-95</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2" t="s">
        <v>523</v>
      </c>
      <c r="AL11" s="1133"/>
      <c r="AM11" s="1133"/>
      <c r="AN11" s="1134"/>
      <c r="AO11" s="284">
        <v>12539</v>
      </c>
      <c r="AP11" s="284">
        <v>110</v>
      </c>
      <c r="AQ11" s="285">
        <v>601</v>
      </c>
      <c r="AR11" s="286">
        <v>-81.7</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2" t="s">
        <v>524</v>
      </c>
      <c r="AL12" s="1133"/>
      <c r="AM12" s="1133"/>
      <c r="AN12" s="1134"/>
      <c r="AO12" s="284" t="s">
        <v>525</v>
      </c>
      <c r="AP12" s="284" t="s">
        <v>525</v>
      </c>
      <c r="AQ12" s="285">
        <v>13</v>
      </c>
      <c r="AR12" s="286" t="s">
        <v>525</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2" t="s">
        <v>526</v>
      </c>
      <c r="AL13" s="1133"/>
      <c r="AM13" s="1133"/>
      <c r="AN13" s="1134"/>
      <c r="AO13" s="284">
        <v>456390</v>
      </c>
      <c r="AP13" s="284">
        <v>3994</v>
      </c>
      <c r="AQ13" s="285">
        <v>2559</v>
      </c>
      <c r="AR13" s="286">
        <v>56.1</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2" t="s">
        <v>527</v>
      </c>
      <c r="AL14" s="1133"/>
      <c r="AM14" s="1133"/>
      <c r="AN14" s="1134"/>
      <c r="AO14" s="284">
        <v>95647</v>
      </c>
      <c r="AP14" s="284">
        <v>837</v>
      </c>
      <c r="AQ14" s="285">
        <v>1133</v>
      </c>
      <c r="AR14" s="286">
        <v>-26.1</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5" t="s">
        <v>528</v>
      </c>
      <c r="AL15" s="1136"/>
      <c r="AM15" s="1136"/>
      <c r="AN15" s="1137"/>
      <c r="AO15" s="284">
        <v>-367072</v>
      </c>
      <c r="AP15" s="284">
        <v>-3213</v>
      </c>
      <c r="AQ15" s="285">
        <v>-4006</v>
      </c>
      <c r="AR15" s="286">
        <v>-19.8</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5" t="s">
        <v>188</v>
      </c>
      <c r="AL16" s="1136"/>
      <c r="AM16" s="1136"/>
      <c r="AN16" s="1137"/>
      <c r="AO16" s="284">
        <v>6038472</v>
      </c>
      <c r="AP16" s="284">
        <v>52849</v>
      </c>
      <c r="AQ16" s="285">
        <v>66904</v>
      </c>
      <c r="AR16" s="286">
        <v>-21</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9</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30</v>
      </c>
      <c r="AP20" s="293" t="s">
        <v>531</v>
      </c>
      <c r="AQ20" s="294" t="s">
        <v>532</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8" t="s">
        <v>533</v>
      </c>
      <c r="AL21" s="1139"/>
      <c r="AM21" s="1139"/>
      <c r="AN21" s="1140"/>
      <c r="AO21" s="297">
        <v>4.88</v>
      </c>
      <c r="AP21" s="298">
        <v>6.16</v>
      </c>
      <c r="AQ21" s="299">
        <v>-1.28</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8" t="s">
        <v>534</v>
      </c>
      <c r="AL22" s="1139"/>
      <c r="AM22" s="1139"/>
      <c r="AN22" s="1140"/>
      <c r="AO22" s="302">
        <v>99.7</v>
      </c>
      <c r="AP22" s="303">
        <v>98.9</v>
      </c>
      <c r="AQ22" s="304">
        <v>0.8</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31" t="s">
        <v>535</v>
      </c>
      <c r="B26" s="1131"/>
      <c r="C26" s="1131"/>
      <c r="D26" s="1131"/>
      <c r="E26" s="1131"/>
      <c r="F26" s="1131"/>
      <c r="G26" s="1131"/>
      <c r="H26" s="1131"/>
      <c r="I26" s="1131"/>
      <c r="J26" s="1131"/>
      <c r="K26" s="1131"/>
      <c r="L26" s="1131"/>
      <c r="M26" s="1131"/>
      <c r="N26" s="1131"/>
      <c r="O26" s="1131"/>
      <c r="P26" s="1131"/>
      <c r="Q26" s="1131"/>
      <c r="R26" s="1131"/>
      <c r="S26" s="1131"/>
      <c r="T26" s="1131"/>
      <c r="U26" s="1131"/>
      <c r="V26" s="1131"/>
      <c r="W26" s="1131"/>
      <c r="X26" s="1131"/>
      <c r="Y26" s="1131"/>
      <c r="Z26" s="1131"/>
      <c r="AA26" s="1131"/>
      <c r="AB26" s="1131"/>
      <c r="AC26" s="1131"/>
      <c r="AD26" s="1131"/>
      <c r="AE26" s="1131"/>
      <c r="AF26" s="1131"/>
      <c r="AG26" s="1131"/>
      <c r="AH26" s="1131"/>
      <c r="AI26" s="1131"/>
      <c r="AJ26" s="1131"/>
      <c r="AK26" s="1131"/>
      <c r="AL26" s="1131"/>
      <c r="AM26" s="1131"/>
      <c r="AN26" s="1131"/>
      <c r="AO26" s="1131"/>
      <c r="AP26" s="1131"/>
      <c r="AQ26" s="1131"/>
      <c r="AR26" s="1131"/>
      <c r="AS26" s="1131"/>
      <c r="AT26" s="267"/>
    </row>
    <row r="27" spans="1:46" ht="13.2" x14ac:dyDescent="0.2">
      <c r="A27" s="309"/>
      <c r="AO27" s="262"/>
      <c r="AP27" s="262"/>
      <c r="AQ27" s="262"/>
      <c r="AR27" s="262"/>
      <c r="AS27" s="262"/>
      <c r="AT27" s="262"/>
    </row>
    <row r="28" spans="1:46" ht="16.2" x14ac:dyDescent="0.2">
      <c r="A28" s="263" t="s">
        <v>536</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7</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20" t="s">
        <v>516</v>
      </c>
      <c r="AP30" s="272"/>
      <c r="AQ30" s="273" t="s">
        <v>517</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21"/>
      <c r="AP31" s="278" t="s">
        <v>518</v>
      </c>
      <c r="AQ31" s="279" t="s">
        <v>519</v>
      </c>
      <c r="AR31" s="280" t="s">
        <v>520</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2" t="s">
        <v>538</v>
      </c>
      <c r="AL32" s="1123"/>
      <c r="AM32" s="1123"/>
      <c r="AN32" s="1124"/>
      <c r="AO32" s="312">
        <v>1909307</v>
      </c>
      <c r="AP32" s="312">
        <v>16710</v>
      </c>
      <c r="AQ32" s="313">
        <v>33699</v>
      </c>
      <c r="AR32" s="314">
        <v>-50.4</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2" t="s">
        <v>539</v>
      </c>
      <c r="AL33" s="1123"/>
      <c r="AM33" s="1123"/>
      <c r="AN33" s="1124"/>
      <c r="AO33" s="312" t="s">
        <v>525</v>
      </c>
      <c r="AP33" s="312" t="s">
        <v>525</v>
      </c>
      <c r="AQ33" s="313" t="s">
        <v>525</v>
      </c>
      <c r="AR33" s="314" t="s">
        <v>525</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2" t="s">
        <v>540</v>
      </c>
      <c r="AL34" s="1123"/>
      <c r="AM34" s="1123"/>
      <c r="AN34" s="1124"/>
      <c r="AO34" s="312" t="s">
        <v>525</v>
      </c>
      <c r="AP34" s="312" t="s">
        <v>525</v>
      </c>
      <c r="AQ34" s="313">
        <v>23</v>
      </c>
      <c r="AR34" s="314" t="s">
        <v>525</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2" t="s">
        <v>541</v>
      </c>
      <c r="AL35" s="1123"/>
      <c r="AM35" s="1123"/>
      <c r="AN35" s="1124"/>
      <c r="AO35" s="312">
        <v>347732</v>
      </c>
      <c r="AP35" s="312">
        <v>3043</v>
      </c>
      <c r="AQ35" s="313">
        <v>5771</v>
      </c>
      <c r="AR35" s="314">
        <v>-47.3</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2" t="s">
        <v>542</v>
      </c>
      <c r="AL36" s="1123"/>
      <c r="AM36" s="1123"/>
      <c r="AN36" s="1124"/>
      <c r="AO36" s="312">
        <v>823</v>
      </c>
      <c r="AP36" s="312">
        <v>7</v>
      </c>
      <c r="AQ36" s="313">
        <v>1158</v>
      </c>
      <c r="AR36" s="314">
        <v>-99.4</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2" t="s">
        <v>543</v>
      </c>
      <c r="AL37" s="1123"/>
      <c r="AM37" s="1123"/>
      <c r="AN37" s="1124"/>
      <c r="AO37" s="312" t="s">
        <v>525</v>
      </c>
      <c r="AP37" s="312" t="s">
        <v>525</v>
      </c>
      <c r="AQ37" s="313">
        <v>631</v>
      </c>
      <c r="AR37" s="314" t="s">
        <v>525</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5" t="s">
        <v>544</v>
      </c>
      <c r="AL38" s="1126"/>
      <c r="AM38" s="1126"/>
      <c r="AN38" s="1127"/>
      <c r="AO38" s="315" t="s">
        <v>525</v>
      </c>
      <c r="AP38" s="315" t="s">
        <v>525</v>
      </c>
      <c r="AQ38" s="316">
        <v>0</v>
      </c>
      <c r="AR38" s="304" t="s">
        <v>525</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5" t="s">
        <v>545</v>
      </c>
      <c r="AL39" s="1126"/>
      <c r="AM39" s="1126"/>
      <c r="AN39" s="1127"/>
      <c r="AO39" s="312">
        <v>-673867</v>
      </c>
      <c r="AP39" s="312">
        <v>-5898</v>
      </c>
      <c r="AQ39" s="313">
        <v>-6112</v>
      </c>
      <c r="AR39" s="314">
        <v>-3.5</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2" t="s">
        <v>546</v>
      </c>
      <c r="AL40" s="1123"/>
      <c r="AM40" s="1123"/>
      <c r="AN40" s="1124"/>
      <c r="AO40" s="312">
        <v>-1513060</v>
      </c>
      <c r="AP40" s="312">
        <v>-13242</v>
      </c>
      <c r="AQ40" s="313">
        <v>-25565</v>
      </c>
      <c r="AR40" s="314">
        <v>-48.2</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8" t="s">
        <v>301</v>
      </c>
      <c r="AL41" s="1129"/>
      <c r="AM41" s="1129"/>
      <c r="AN41" s="1130"/>
      <c r="AO41" s="312">
        <v>70935</v>
      </c>
      <c r="AP41" s="312">
        <v>621</v>
      </c>
      <c r="AQ41" s="313">
        <v>9604</v>
      </c>
      <c r="AR41" s="314">
        <v>-93.5</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7</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8</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9</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5" t="s">
        <v>516</v>
      </c>
      <c r="AN49" s="1117" t="s">
        <v>550</v>
      </c>
      <c r="AO49" s="1118"/>
      <c r="AP49" s="1118"/>
      <c r="AQ49" s="1118"/>
      <c r="AR49" s="1119"/>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6"/>
      <c r="AN50" s="328" t="s">
        <v>551</v>
      </c>
      <c r="AO50" s="329" t="s">
        <v>552</v>
      </c>
      <c r="AP50" s="330" t="s">
        <v>553</v>
      </c>
      <c r="AQ50" s="331" t="s">
        <v>554</v>
      </c>
      <c r="AR50" s="332" t="s">
        <v>555</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6</v>
      </c>
      <c r="AL51" s="325"/>
      <c r="AM51" s="333">
        <v>4373381</v>
      </c>
      <c r="AN51" s="334">
        <v>38629</v>
      </c>
      <c r="AO51" s="335">
        <v>20.5</v>
      </c>
      <c r="AP51" s="336">
        <v>43226</v>
      </c>
      <c r="AQ51" s="337">
        <v>1.3</v>
      </c>
      <c r="AR51" s="338">
        <v>19.2</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7</v>
      </c>
      <c r="AM52" s="341">
        <v>2474704</v>
      </c>
      <c r="AN52" s="342">
        <v>21858</v>
      </c>
      <c r="AO52" s="343">
        <v>36.700000000000003</v>
      </c>
      <c r="AP52" s="344">
        <v>22622</v>
      </c>
      <c r="AQ52" s="345">
        <v>-0.2</v>
      </c>
      <c r="AR52" s="346">
        <v>36.9</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8</v>
      </c>
      <c r="AL53" s="325"/>
      <c r="AM53" s="333">
        <v>5487340</v>
      </c>
      <c r="AN53" s="334">
        <v>48391</v>
      </c>
      <c r="AO53" s="335">
        <v>25.3</v>
      </c>
      <c r="AP53" s="336">
        <v>42836</v>
      </c>
      <c r="AQ53" s="337">
        <v>-0.9</v>
      </c>
      <c r="AR53" s="338">
        <v>26.2</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7</v>
      </c>
      <c r="AM54" s="341">
        <v>2967235</v>
      </c>
      <c r="AN54" s="342">
        <v>26167</v>
      </c>
      <c r="AO54" s="343">
        <v>19.7</v>
      </c>
      <c r="AP54" s="344">
        <v>22936</v>
      </c>
      <c r="AQ54" s="345">
        <v>1.4</v>
      </c>
      <c r="AR54" s="346">
        <v>18.3</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9</v>
      </c>
      <c r="AL55" s="325"/>
      <c r="AM55" s="333">
        <v>2303662</v>
      </c>
      <c r="AN55" s="334">
        <v>20287</v>
      </c>
      <c r="AO55" s="335">
        <v>-58.1</v>
      </c>
      <c r="AP55" s="336">
        <v>44161</v>
      </c>
      <c r="AQ55" s="337">
        <v>3.1</v>
      </c>
      <c r="AR55" s="338">
        <v>-61.2</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7</v>
      </c>
      <c r="AM56" s="341">
        <v>1559508</v>
      </c>
      <c r="AN56" s="342">
        <v>13734</v>
      </c>
      <c r="AO56" s="343">
        <v>-47.5</v>
      </c>
      <c r="AP56" s="344">
        <v>23644</v>
      </c>
      <c r="AQ56" s="345">
        <v>3.1</v>
      </c>
      <c r="AR56" s="346">
        <v>-50.6</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60</v>
      </c>
      <c r="AL57" s="325"/>
      <c r="AM57" s="333">
        <v>2603964</v>
      </c>
      <c r="AN57" s="334">
        <v>22876</v>
      </c>
      <c r="AO57" s="335">
        <v>12.8</v>
      </c>
      <c r="AP57" s="336">
        <v>43955</v>
      </c>
      <c r="AQ57" s="337">
        <v>-0.5</v>
      </c>
      <c r="AR57" s="338">
        <v>13.3</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7</v>
      </c>
      <c r="AM58" s="341">
        <v>1663838</v>
      </c>
      <c r="AN58" s="342">
        <v>14617</v>
      </c>
      <c r="AO58" s="343">
        <v>6.4</v>
      </c>
      <c r="AP58" s="344">
        <v>21318</v>
      </c>
      <c r="AQ58" s="345">
        <v>-9.8000000000000007</v>
      </c>
      <c r="AR58" s="346">
        <v>16.2</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1</v>
      </c>
      <c r="AL59" s="325"/>
      <c r="AM59" s="333">
        <v>3025535</v>
      </c>
      <c r="AN59" s="334">
        <v>26480</v>
      </c>
      <c r="AO59" s="335">
        <v>15.8</v>
      </c>
      <c r="AP59" s="336">
        <v>41921</v>
      </c>
      <c r="AQ59" s="337">
        <v>-4.5999999999999996</v>
      </c>
      <c r="AR59" s="338">
        <v>20.399999999999999</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7</v>
      </c>
      <c r="AM60" s="341">
        <v>1824312</v>
      </c>
      <c r="AN60" s="342">
        <v>15966</v>
      </c>
      <c r="AO60" s="343">
        <v>9.1999999999999993</v>
      </c>
      <c r="AP60" s="344">
        <v>21655</v>
      </c>
      <c r="AQ60" s="345">
        <v>1.6</v>
      </c>
      <c r="AR60" s="346">
        <v>7.6</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2</v>
      </c>
      <c r="AL61" s="347"/>
      <c r="AM61" s="348">
        <v>3558776</v>
      </c>
      <c r="AN61" s="349">
        <v>31333</v>
      </c>
      <c r="AO61" s="350">
        <v>3.3</v>
      </c>
      <c r="AP61" s="351">
        <v>43220</v>
      </c>
      <c r="AQ61" s="352">
        <v>-0.3</v>
      </c>
      <c r="AR61" s="338">
        <v>3.6</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7</v>
      </c>
      <c r="AM62" s="341">
        <v>2097919</v>
      </c>
      <c r="AN62" s="342">
        <v>18468</v>
      </c>
      <c r="AO62" s="343">
        <v>4.9000000000000004</v>
      </c>
      <c r="AP62" s="344">
        <v>22435</v>
      </c>
      <c r="AQ62" s="345">
        <v>-0.8</v>
      </c>
      <c r="AR62" s="346">
        <v>5.7</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KsYHoLRhEY2Lhntc1bV4FTc4XicSoLz1UrV0fkB22PPr2ATmOecKhnbAvGcyTl1tv527qnom0Iw+ch+rz1Hf+g==" saltValue="TV53NVTAArSSoOFpzuur1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4</v>
      </c>
    </row>
    <row r="120" spans="125:125" ht="13.5" hidden="1" customHeight="1" x14ac:dyDescent="0.2"/>
    <row r="121" spans="125:125" ht="13.5" hidden="1" customHeight="1" x14ac:dyDescent="0.2">
      <c r="DU121" s="259"/>
    </row>
  </sheetData>
  <sheetProtection algorithmName="SHA-512" hashValue="3Fjn1pXXUZ8kAhMcBkxAig/QDRuRsICv5ttx/hhvh3dd65JQIv6NPdij7q0oNIUoFdmDRNDkqf3M0QrTLxpEJw==" saltValue="REG6BVZPx8BylbmDGMroA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5</v>
      </c>
    </row>
  </sheetData>
  <sheetProtection algorithmName="SHA-512" hashValue="7cC0uxb25OqHSMJ1P1rnxocQwPJeqpbnhRmgqKXNWD2T2ti1pzKEVi6d1T57KKfD7AS2WzcU5IWCY2bY0lD6rw==" saltValue="MtPurS+dZNRZfcI6gMHtp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6</v>
      </c>
      <c r="G46" s="8" t="s">
        <v>567</v>
      </c>
      <c r="H46" s="8" t="s">
        <v>568</v>
      </c>
      <c r="I46" s="8" t="s">
        <v>569</v>
      </c>
      <c r="J46" s="9" t="s">
        <v>570</v>
      </c>
    </row>
    <row r="47" spans="2:10" ht="57.75" customHeight="1" x14ac:dyDescent="0.2">
      <c r="B47" s="10"/>
      <c r="C47" s="1141" t="s">
        <v>3</v>
      </c>
      <c r="D47" s="1141"/>
      <c r="E47" s="1142"/>
      <c r="F47" s="11">
        <v>21.63</v>
      </c>
      <c r="G47" s="12">
        <v>23.75</v>
      </c>
      <c r="H47" s="12">
        <v>26.61</v>
      </c>
      <c r="I47" s="12">
        <v>37.200000000000003</v>
      </c>
      <c r="J47" s="13">
        <v>34.18</v>
      </c>
    </row>
    <row r="48" spans="2:10" ht="57.75" customHeight="1" x14ac:dyDescent="0.2">
      <c r="B48" s="14"/>
      <c r="C48" s="1143" t="s">
        <v>4</v>
      </c>
      <c r="D48" s="1143"/>
      <c r="E48" s="1144"/>
      <c r="F48" s="15">
        <v>8.8800000000000008</v>
      </c>
      <c r="G48" s="16">
        <v>6.09</v>
      </c>
      <c r="H48" s="16">
        <v>7.2</v>
      </c>
      <c r="I48" s="16">
        <v>14.09</v>
      </c>
      <c r="J48" s="17">
        <v>10.35</v>
      </c>
    </row>
    <row r="49" spans="2:10" ht="57.75" customHeight="1" thickBot="1" x14ac:dyDescent="0.25">
      <c r="B49" s="18"/>
      <c r="C49" s="1145" t="s">
        <v>5</v>
      </c>
      <c r="D49" s="1145"/>
      <c r="E49" s="1146"/>
      <c r="F49" s="19">
        <v>6.7</v>
      </c>
      <c r="G49" s="20" t="s">
        <v>571</v>
      </c>
      <c r="H49" s="20">
        <v>4.37</v>
      </c>
      <c r="I49" s="20">
        <v>19.03</v>
      </c>
      <c r="J49" s="21" t="s">
        <v>572</v>
      </c>
    </row>
    <row r="50" spans="2:10" ht="13.2" x14ac:dyDescent="0.2"/>
  </sheetData>
  <sheetProtection algorithmName="SHA-512" hashValue="e77SWmmi/ytB2vtA+ZN4bcyARwppOp9nczAu+EzB/7FBOp22TCvDEklTFZFOBy4NiMoCJfD859qoPJMIBctnCQ==" saltValue="VbPE3fKodMMTWlIcNaprg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3T05:48:40Z</cp:lastPrinted>
  <dcterms:created xsi:type="dcterms:W3CDTF">2024-02-05T00:54:11Z</dcterms:created>
  <dcterms:modified xsi:type="dcterms:W3CDTF">2024-03-22T08:42:27Z</dcterms:modified>
  <cp:category/>
</cp:coreProperties>
</file>